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491A913-F923-480D-A2E2-44166447A8B3}" xr6:coauthVersionLast="36" xr6:coauthVersionMax="47" xr10:uidLastSave="{00000000-0000-0000-0000-000000000000}"/>
  <bookViews>
    <workbookView xWindow="960" yWindow="2250" windowWidth="23670" windowHeight="12750" xr2:uid="{00000000-000D-0000-FFFF-FFFF00000000}"/>
  </bookViews>
  <sheets>
    <sheet name="SalesCorrec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4565" uniqueCount="340">
  <si>
    <t xml:space="preserve">熱燗二合                      </t>
  </si>
  <si>
    <t xml:space="preserve">平松                           </t>
  </si>
  <si>
    <t xml:space="preserve">焼うどん                      </t>
  </si>
  <si>
    <t xml:space="preserve">三宅                           </t>
  </si>
  <si>
    <t xml:space="preserve">飲み放題ﾋﾟｯﾁｬｰ                </t>
  </si>
  <si>
    <t xml:space="preserve">リアルウコン                  </t>
  </si>
  <si>
    <t xml:space="preserve">ｷﾘﾝ生ﾋﾞｰﾙ(中)                 </t>
  </si>
  <si>
    <t xml:space="preserve">田中                           </t>
  </si>
  <si>
    <t xml:space="preserve">ﾌﾗｲﾄﾞﾎﾟﾃﾄ                     </t>
  </si>
  <si>
    <t xml:space="preserve">堀田                           </t>
  </si>
  <si>
    <t xml:space="preserve">ピーチ･カルピス               </t>
  </si>
  <si>
    <t xml:space="preserve">バニラチョコ                  </t>
  </si>
  <si>
    <t xml:space="preserve">店長                           </t>
  </si>
  <si>
    <t xml:space="preserve">ﾒｶﾞ盛ﾘﾎﾟﾃﾄ                    </t>
  </si>
  <si>
    <t xml:space="preserve">水野                           </t>
  </si>
  <si>
    <t xml:space="preserve">本田                           </t>
  </si>
  <si>
    <t xml:space="preserve">ｺﾛﾅﾋﾞｰﾙ                       </t>
  </si>
  <si>
    <t xml:space="preserve">山田                           </t>
  </si>
  <si>
    <t xml:space="preserve">カルーア･ミルク               </t>
  </si>
  <si>
    <t xml:space="preserve">イチゴパフェ                  </t>
  </si>
  <si>
    <t xml:space="preserve">ﾏｶﾛﾆｸﾞﾗﾀﾝ                     </t>
  </si>
  <si>
    <t xml:space="preserve">ｲｶ丸焼き(塩)                  </t>
  </si>
  <si>
    <t xml:space="preserve">山盛りポテト                  </t>
  </si>
  <si>
    <t xml:space="preserve">ジントニック                  </t>
  </si>
  <si>
    <t xml:space="preserve">杉山                           </t>
  </si>
  <si>
    <t xml:space="preserve">ミックスナッツ                </t>
  </si>
  <si>
    <t xml:space="preserve">焼酎お湯割                    </t>
  </si>
  <si>
    <t xml:space="preserve">安井                           </t>
  </si>
  <si>
    <t xml:space="preserve">カレーライス                  </t>
  </si>
  <si>
    <t xml:space="preserve">カルピスチューハイ            </t>
  </si>
  <si>
    <t xml:space="preserve">中山                           </t>
  </si>
  <si>
    <t xml:space="preserve">軟骨から揚げ                  </t>
  </si>
  <si>
    <t xml:space="preserve">ｽﾅｯｸ盛り合せ                  </t>
  </si>
  <si>
    <t xml:space="preserve">モスコミュール                </t>
  </si>
  <si>
    <t xml:space="preserve">ハイボール                    </t>
  </si>
  <si>
    <t xml:space="preserve">タコのから揚げ                </t>
  </si>
  <si>
    <t xml:space="preserve">ジンバック                    </t>
  </si>
  <si>
    <t xml:space="preserve">チョコソフト                  </t>
  </si>
  <si>
    <t xml:space="preserve">そばめし                      </t>
  </si>
  <si>
    <t xml:space="preserve">ｽﾅｯｸﾊﾞｽｹｯﾄ                    </t>
  </si>
  <si>
    <t xml:space="preserve">郡山                           </t>
  </si>
  <si>
    <t xml:space="preserve">ｲｶ丸焼き(ﾀﾚ)                  </t>
  </si>
  <si>
    <t xml:space="preserve">枝豆                          </t>
  </si>
  <si>
    <t xml:space="preserve">想人                           </t>
  </si>
  <si>
    <t xml:space="preserve">山口                           </t>
  </si>
  <si>
    <t xml:space="preserve">志治                           </t>
  </si>
  <si>
    <t xml:space="preserve">飲み放題生中                  </t>
  </si>
  <si>
    <t xml:space="preserve">わかめうどん                  </t>
  </si>
  <si>
    <t xml:space="preserve">高山                           </t>
  </si>
  <si>
    <t xml:space="preserve">カシス･オレンジ               </t>
  </si>
  <si>
    <t xml:space="preserve">酒ライム                      </t>
  </si>
  <si>
    <t xml:space="preserve">カツカレー                    </t>
  </si>
  <si>
    <t xml:space="preserve">手羽先揚げ                    </t>
  </si>
  <si>
    <t xml:space="preserve">味噌ラーメン                  </t>
  </si>
  <si>
    <t xml:space="preserve">焼そば                        </t>
  </si>
  <si>
    <t xml:space="preserve">ファジー･ネーブル             </t>
  </si>
  <si>
    <t xml:space="preserve">岩城                           </t>
  </si>
  <si>
    <t xml:space="preserve">抹茶･ミルク                   </t>
  </si>
  <si>
    <t xml:space="preserve">若鶏から揚げ                  </t>
  </si>
  <si>
    <t xml:space="preserve">ミックスピザ                  </t>
  </si>
  <si>
    <t xml:space="preserve">レモンチューハイ              </t>
  </si>
  <si>
    <t xml:space="preserve">合鴨のロースト                </t>
  </si>
  <si>
    <t xml:space="preserve">ｶﾙﾎﾞﾅｰﾗﾊﾟｽﾀ                   </t>
  </si>
  <si>
    <t xml:space="preserve">ｷﾘﾝﾗｶﾞｰ(中瓶)                 </t>
  </si>
  <si>
    <t xml:space="preserve">優河                           </t>
  </si>
  <si>
    <t xml:space="preserve">古里                           </t>
  </si>
  <si>
    <t xml:space="preserve">ﾁｮｺﾚｰﾄｾｯﾄ                     </t>
  </si>
  <si>
    <t xml:space="preserve">ﾀｽｶﾝﾚﾓﾈｰﾄﾞ                    </t>
  </si>
  <si>
    <t xml:space="preserve">社員                           </t>
  </si>
  <si>
    <t xml:space="preserve">エビピラフ                    </t>
  </si>
  <si>
    <t xml:space="preserve">コスモポリタン                </t>
  </si>
  <si>
    <t xml:space="preserve">梅ロック                      </t>
  </si>
  <si>
    <t xml:space="preserve">梅酒ソーダ割                  </t>
  </si>
  <si>
    <t xml:space="preserve">ボロネーゼ                    </t>
  </si>
  <si>
    <t xml:space="preserve">たこ焼き                      </t>
  </si>
  <si>
    <t xml:space="preserve">モヒート                      </t>
  </si>
  <si>
    <t xml:space="preserve">齋藤                           </t>
  </si>
  <si>
    <t xml:space="preserve">ジンライム                    </t>
  </si>
  <si>
    <t xml:space="preserve">マネージャー                   </t>
  </si>
  <si>
    <t xml:space="preserve">長谷川                         </t>
  </si>
  <si>
    <t xml:space="preserve">ウーロンチューハイ            </t>
  </si>
  <si>
    <t xml:space="preserve">ｼﾞｬｰﾏﾝﾎﾟﾃﾄﾋﾟｻﾞ                </t>
  </si>
  <si>
    <t xml:space="preserve">カツ丼                        </t>
  </si>
  <si>
    <t xml:space="preserve">犬丸                           </t>
  </si>
  <si>
    <t xml:space="preserve">越野                           </t>
  </si>
  <si>
    <t xml:space="preserve">磯貝                           </t>
  </si>
  <si>
    <t xml:space="preserve">ｸﾞﾚｰﾌﾟﾌﾙｰﾂﾁｭｰﾊｲ               </t>
  </si>
  <si>
    <t xml:space="preserve">幸田                           </t>
  </si>
  <si>
    <t xml:space="preserve">カンパリ･オレンジ             </t>
  </si>
  <si>
    <t xml:space="preserve">カイピロスカ                  </t>
  </si>
  <si>
    <t xml:space="preserve">芋焼酎ロック                  </t>
  </si>
  <si>
    <t xml:space="preserve">ピーチ･ウーロン               </t>
  </si>
  <si>
    <t xml:space="preserve">カシス･ウーロン               </t>
  </si>
  <si>
    <t xml:space="preserve">ｶﾝﾊﾟﾘ･ｸﾞﾚｰﾌﾟﾌﾙｰﾂ              </t>
  </si>
  <si>
    <t xml:space="preserve">                               </t>
  </si>
  <si>
    <t xml:space="preserve">ﾎﾟﾃﾄｸﾞﾗﾀﾝ                     </t>
  </si>
  <si>
    <t xml:space="preserve">抹茶ソフト                    </t>
  </si>
  <si>
    <t xml:space="preserve">市場                           </t>
  </si>
  <si>
    <t xml:space="preserve">ナゲット                      </t>
  </si>
  <si>
    <t xml:space="preserve">山下                           </t>
  </si>
  <si>
    <t xml:space="preserve">ｼﾞﾝｼﾞｬｰｴｰﾙﾁｭｰﾊｲ               </t>
  </si>
  <si>
    <t xml:space="preserve">明太子ピザ                    </t>
  </si>
  <si>
    <t xml:space="preserve">ｻｰﾋﾞｽ軟骨唐揚                 </t>
  </si>
  <si>
    <t xml:space="preserve">ｽﾐﾉﾌ・ｱｲｽ                     </t>
  </si>
  <si>
    <t xml:space="preserve">グラスワイン(赤)              </t>
  </si>
  <si>
    <t xml:space="preserve">キティ                        </t>
  </si>
  <si>
    <t xml:space="preserve">ｶﾙﾎﾞﾅｰﾗﾋﾟｻﾞ                   </t>
  </si>
  <si>
    <t xml:space="preserve">豚玉丼                        </t>
  </si>
  <si>
    <t xml:space="preserve">オニオンリングタワー          </t>
  </si>
  <si>
    <t xml:space="preserve">お好み焼き                    </t>
  </si>
  <si>
    <t xml:space="preserve">ｷﾑﾁﾁｬｰﾊﾝ                      </t>
  </si>
  <si>
    <t xml:space="preserve">コーヒーゼリー                </t>
  </si>
  <si>
    <t xml:space="preserve">ｶｼｽ･ｸﾞﾚｰﾌﾟﾌﾙｰﾂ                </t>
  </si>
  <si>
    <t xml:space="preserve">ｼﾞﾝｼﾞｬｰﾊｲﾎﾞｰﾙ                 </t>
  </si>
  <si>
    <t xml:space="preserve">ｺｰｸﾊｲﾎﾞｰﾙ                     </t>
  </si>
  <si>
    <t xml:space="preserve">リンゴチューハイ              </t>
  </si>
  <si>
    <t xml:space="preserve">カットライム                  </t>
  </si>
  <si>
    <t xml:space="preserve">キリン一番搾り（生）          </t>
  </si>
  <si>
    <t xml:space="preserve">ｿｰｾｰｼﾞ盛り合せ                </t>
  </si>
  <si>
    <t xml:space="preserve">ポップコーン                  </t>
  </si>
  <si>
    <t xml:space="preserve">バナナ･ミルク                 </t>
  </si>
  <si>
    <t xml:space="preserve">キリン一番搾り（大）          </t>
  </si>
  <si>
    <t xml:space="preserve">塩ラーメン                    </t>
  </si>
  <si>
    <t xml:space="preserve">カンパリ･ソーダ               </t>
  </si>
  <si>
    <t xml:space="preserve">美濃部                         </t>
  </si>
  <si>
    <t xml:space="preserve">芋焼酎水割                    </t>
  </si>
  <si>
    <t xml:space="preserve">ｽﾄﾛﾍﾞﾘｰﾊﾟﾌｪ                   </t>
  </si>
  <si>
    <t xml:space="preserve">オムライス                    </t>
  </si>
  <si>
    <t xml:space="preserve">漬け込みｻﾜｰあんず             </t>
  </si>
  <si>
    <t xml:space="preserve">抹茶ﾊﾟﾌｪ                      </t>
  </si>
  <si>
    <t xml:space="preserve">ｽﾃｨｯｸｻﾗﾀﾞ                     </t>
  </si>
  <si>
    <t xml:space="preserve">ｷﾘﾝｾﾞﾛｲﾁ(小瓶)【ﾉﾝｱﾙｺｰﾙﾋﾞｰﾙ】 </t>
  </si>
  <si>
    <t xml:space="preserve">チャーハン                    </t>
  </si>
  <si>
    <t xml:space="preserve">麦焼酎水割り                  </t>
  </si>
  <si>
    <t xml:space="preserve">ｽﾄﾛﾍﾞﾘｰ･ﾐﾙｸ                   </t>
  </si>
  <si>
    <t xml:space="preserve">緑茶チューハイ                </t>
  </si>
  <si>
    <t xml:space="preserve">ﾄﾏﾄｻﾗﾀﾞ                       </t>
  </si>
  <si>
    <t xml:space="preserve">焼酎水割                      </t>
  </si>
  <si>
    <t xml:space="preserve">おいりｱｲｽｽﾄﾛﾍﾞﾘｰ              </t>
  </si>
  <si>
    <t xml:space="preserve">ﾍﾞｲﾘｰｽﾞ･ﾐﾙｸ                   </t>
  </si>
  <si>
    <t xml:space="preserve">グラスワイン(白)              </t>
  </si>
  <si>
    <t xml:space="preserve">サングリア                    </t>
  </si>
  <si>
    <t xml:space="preserve">キムチ                        </t>
  </si>
  <si>
    <t xml:space="preserve">おいりアイスバニラ            </t>
  </si>
  <si>
    <t xml:space="preserve">おにぎり2個                   </t>
  </si>
  <si>
    <t xml:space="preserve">ﾊﾞﾀﾌﾗｲ･紅茶                   </t>
  </si>
  <si>
    <t xml:space="preserve">神戸                           </t>
  </si>
  <si>
    <t xml:space="preserve">ｷﾘﾝﾌﾘｰ(小瓶)【ﾉﾝｱﾙｺｰﾙﾋﾞｰﾙ】   </t>
  </si>
  <si>
    <t xml:space="preserve">水                            </t>
  </si>
  <si>
    <t xml:space="preserve">ツナサンド                    </t>
  </si>
  <si>
    <t xml:space="preserve">マンゴーパフェ                </t>
  </si>
  <si>
    <t xml:space="preserve">ﾁｮｺﾚｰﾄﾊﾟﾌｪ                    </t>
  </si>
  <si>
    <t xml:space="preserve">オレンジチューハイ            </t>
  </si>
  <si>
    <t xml:space="preserve">ｽｸﾘｭｰ･ﾄﾞﾗｲﾊﾞｰ                 </t>
  </si>
  <si>
    <t xml:space="preserve">ｼﾞｰﾏ                          </t>
  </si>
  <si>
    <t xml:space="preserve">藤井                           </t>
  </si>
  <si>
    <t xml:space="preserve">梅茶漬け                      </t>
  </si>
  <si>
    <t xml:space="preserve">ソルティードッグ              </t>
  </si>
  <si>
    <t xml:space="preserve">鈴木                           </t>
  </si>
  <si>
    <t xml:space="preserve">フライドポテト                </t>
  </si>
  <si>
    <t xml:space="preserve">上原                           </t>
  </si>
  <si>
    <t xml:space="preserve">ライムチューハイ              </t>
  </si>
  <si>
    <t xml:space="preserve">メガ盛りフライドポテト        </t>
  </si>
  <si>
    <t xml:space="preserve">折原                           </t>
  </si>
  <si>
    <t xml:space="preserve">ポテトチップス                </t>
  </si>
  <si>
    <t xml:space="preserve">新島                           </t>
  </si>
  <si>
    <t xml:space="preserve">カシス･ソーダ                 </t>
  </si>
  <si>
    <t xml:space="preserve">山盛りフライドポテト          </t>
  </si>
  <si>
    <t xml:space="preserve">ｲｶｹﾞｿ揚げ                     </t>
  </si>
  <si>
    <t xml:space="preserve">あんずロック                  </t>
  </si>
  <si>
    <t xml:space="preserve">ﾌﾞﾙﾄﾞｯｸﾞ                      </t>
  </si>
  <si>
    <t xml:space="preserve">ﾌｫｱﾛｰｾﾞｽﾞﾛｯｸ(ｼﾝｸﾞﾙ)           </t>
  </si>
  <si>
    <t xml:space="preserve">今井                           </t>
  </si>
  <si>
    <t xml:space="preserve">↑濃いめ                      </t>
  </si>
  <si>
    <t xml:space="preserve">あんずソーダ                  </t>
  </si>
  <si>
    <t xml:space="preserve">特製チャーハン                </t>
  </si>
  <si>
    <t xml:space="preserve">ｻｰﾋﾞｽﾎﾟﾃﾄ                     </t>
  </si>
  <si>
    <t xml:space="preserve">知加羅盛                      </t>
  </si>
  <si>
    <t xml:space="preserve">カツサンド                    </t>
  </si>
  <si>
    <t xml:space="preserve">清藤                           </t>
  </si>
  <si>
    <t xml:space="preserve">飲み放題　生中                </t>
  </si>
  <si>
    <t xml:space="preserve">チョコレートセット            </t>
  </si>
  <si>
    <t xml:space="preserve">ｷﾞｻﾞｷﾞｻﾞﾎﾟﾃﾄ                  </t>
  </si>
  <si>
    <t xml:space="preserve">新島　右史                     </t>
  </si>
  <si>
    <t xml:space="preserve">廣中                           </t>
  </si>
  <si>
    <t xml:space="preserve">ポッキー                      </t>
  </si>
  <si>
    <t xml:space="preserve">ｼﾞｮﾆｰｳｫｰｶｰ(ｼﾝｸﾞﾙ)             </t>
  </si>
  <si>
    <t xml:space="preserve">冷酒二合                      </t>
  </si>
  <si>
    <t xml:space="preserve">肉キムチラーメン              </t>
  </si>
  <si>
    <t xml:space="preserve">屋台盛                        </t>
  </si>
  <si>
    <t xml:space="preserve">漬け込みｻﾜｰさんざし           </t>
  </si>
  <si>
    <t xml:space="preserve">ｷﾘﾝ生ﾋﾟｯﾁｬｰ                   </t>
  </si>
  <si>
    <t xml:space="preserve">ロックワイン(赤)              </t>
  </si>
  <si>
    <t xml:space="preserve">ﾄﾘｵ･ｻﾞ･ﾎﾟﾃﾄ                   </t>
  </si>
  <si>
    <t xml:space="preserve">バニラアイス                  </t>
  </si>
  <si>
    <t xml:space="preserve">ｽﾐﾉﾌ･ﾜｲﾙﾄﾞｸﾞﾚｰﾌﾟ              </t>
  </si>
  <si>
    <t xml:space="preserve">芋焼酎 水割                   </t>
  </si>
  <si>
    <t xml:space="preserve">梅酒水割                      </t>
  </si>
  <si>
    <t xml:space="preserve">皮付ﾌﾗｲﾄﾞﾎﾟﾃﾄ                 </t>
  </si>
  <si>
    <t xml:space="preserve">富士山麓　樽熟原酒50          </t>
  </si>
  <si>
    <t xml:space="preserve">トニックオレンジ              </t>
  </si>
  <si>
    <t xml:space="preserve">マスク                        </t>
  </si>
  <si>
    <t xml:space="preserve">安形                           </t>
  </si>
  <si>
    <t xml:space="preserve">社員　鈴木                     </t>
  </si>
  <si>
    <t xml:space="preserve">和風カレーうどん              </t>
  </si>
  <si>
    <t xml:space="preserve">醤油ラーメン                  </t>
  </si>
  <si>
    <t xml:space="preserve">ｼｰｻﾞｰｻﾗﾀﾞ                     </t>
  </si>
  <si>
    <t xml:space="preserve">明太子ﾊﾟｽﾀ                    </t>
  </si>
  <si>
    <t xml:space="preserve">BLTサンド                     </t>
  </si>
  <si>
    <t xml:space="preserve">鮭茶漬け                      </t>
  </si>
  <si>
    <t xml:space="preserve">↑【濃いめ】                  </t>
  </si>
  <si>
    <t xml:space="preserve">ビアタン                      </t>
  </si>
  <si>
    <t xml:space="preserve">ジムビームハイボール          </t>
  </si>
  <si>
    <t xml:space="preserve">レモンサワー                  </t>
  </si>
  <si>
    <t xml:space="preserve">プレミアム　モルツ生          </t>
  </si>
  <si>
    <t xml:space="preserve">ピンチョス                    </t>
  </si>
  <si>
    <t xml:space="preserve">肉ｷﾑﾁ炒め                     </t>
  </si>
  <si>
    <t xml:space="preserve">ジンジャーハイボール          </t>
  </si>
  <si>
    <t xml:space="preserve">バニラソフト                  </t>
  </si>
  <si>
    <t xml:space="preserve">ﾁｮｺﾊﾞﾅﾅｻﾝﾃﾞｰ                  </t>
  </si>
  <si>
    <t xml:space="preserve">ｽﾄﾛﾍﾞﾘｰｼｬｰﾍﾞｯﾄ                </t>
  </si>
  <si>
    <t xml:space="preserve">梅チューハイ                  </t>
  </si>
  <si>
    <t xml:space="preserve">抹茶･ウーロン                 </t>
  </si>
  <si>
    <t xml:space="preserve">ｽﾐﾉﾌ･ｸﾞﾘｰﾝｱｯﾌﾟﾙ               </t>
  </si>
  <si>
    <t xml:space="preserve">レモンハイボール              </t>
  </si>
  <si>
    <t xml:space="preserve">飲み放題　生プレモル          </t>
  </si>
  <si>
    <t xml:space="preserve">漬け込みｻﾜｰﾌﾞﾙｰﾍﾞﾘｰ           </t>
  </si>
  <si>
    <t xml:space="preserve">こだわり酒場のレモンサワー    </t>
  </si>
  <si>
    <t xml:space="preserve">白いサワー                    </t>
  </si>
  <si>
    <t xml:space="preserve">ｸﾞﾚｰﾌﾟﾌﾙｰﾂｻﾜｰ                 </t>
  </si>
  <si>
    <t xml:space="preserve">鏡月　ボトル700ml             </t>
  </si>
  <si>
    <t xml:space="preserve">安田                           </t>
  </si>
  <si>
    <t xml:space="preserve">掛布                           </t>
  </si>
  <si>
    <t xml:space="preserve">角ハイボール                  </t>
  </si>
  <si>
    <t xml:space="preserve">遠山                           </t>
  </si>
  <si>
    <t xml:space="preserve">CHIKARAのﾚﾓﾝｻﾜｰ               </t>
  </si>
  <si>
    <t xml:space="preserve">村田                           </t>
  </si>
  <si>
    <t xml:space="preserve">佐々木                         </t>
  </si>
  <si>
    <t xml:space="preserve">市村                           </t>
  </si>
  <si>
    <t xml:space="preserve">東                             </t>
  </si>
  <si>
    <t xml:space="preserve">東田                           </t>
  </si>
  <si>
    <t xml:space="preserve">平出                           </t>
  </si>
  <si>
    <t xml:space="preserve">ピッチャー                    </t>
  </si>
  <si>
    <t xml:space="preserve">梅サワー                      </t>
  </si>
  <si>
    <t xml:space="preserve">ﾒｰｶｰｽﾞｸﾗﾌﾄﾊｲﾎﾞｰﾙ              </t>
  </si>
  <si>
    <t xml:space="preserve">プレモル生ﾋﾟｯﾁｬｰ              </t>
  </si>
  <si>
    <t xml:space="preserve">大橋                           </t>
  </si>
  <si>
    <t xml:space="preserve">河合彪                         </t>
  </si>
  <si>
    <t xml:space="preserve">倉橋                           </t>
  </si>
  <si>
    <t xml:space="preserve">川澄                           </t>
  </si>
  <si>
    <t xml:space="preserve">翠ソーダ                      </t>
  </si>
  <si>
    <t xml:space="preserve">カルピスサワー                </t>
  </si>
  <si>
    <t xml:space="preserve">石原                           </t>
  </si>
  <si>
    <t xml:space="preserve">ライムハイボール              </t>
  </si>
  <si>
    <t xml:space="preserve">男梅ｻﾜｰ                       </t>
  </si>
  <si>
    <t xml:space="preserve">焼酎ロック                    </t>
  </si>
  <si>
    <t xml:space="preserve">ｸｯﾋﾟｰﾗﾑﾈ                      </t>
  </si>
  <si>
    <t xml:space="preserve">藤原                           </t>
  </si>
  <si>
    <t xml:space="preserve">梅酒ソーダ                    </t>
  </si>
  <si>
    <t xml:space="preserve">オールフリー(小瓶)            </t>
  </si>
  <si>
    <t xml:space="preserve">↑ロック                      </t>
  </si>
  <si>
    <t xml:space="preserve">芋                            </t>
  </si>
  <si>
    <t xml:space="preserve">大山                           </t>
  </si>
  <si>
    <t xml:space="preserve">森                             </t>
  </si>
  <si>
    <t xml:space="preserve">↑ｿｰﾀﾞ割                      </t>
  </si>
  <si>
    <t xml:space="preserve">ｼﾞｮﾆｰｳｫｰｶｰ                    </t>
  </si>
  <si>
    <t xml:space="preserve">徳泉                           </t>
  </si>
  <si>
    <t xml:space="preserve">岡崎                           </t>
  </si>
  <si>
    <t xml:space="preserve">西川                           </t>
  </si>
  <si>
    <t xml:space="preserve">松永                           </t>
  </si>
  <si>
    <t xml:space="preserve">DAY1                          </t>
  </si>
  <si>
    <t xml:space="preserve">水谷                           </t>
  </si>
  <si>
    <t xml:space="preserve">コーラハイボール              </t>
  </si>
  <si>
    <t xml:space="preserve">三戸                           </t>
  </si>
  <si>
    <t xml:space="preserve">シャンディガフ                </t>
  </si>
  <si>
    <t xml:space="preserve">柴田                           </t>
  </si>
  <si>
    <t xml:space="preserve">ﾌｫｱﾛｰｾﾞｽ                      </t>
  </si>
  <si>
    <t xml:space="preserve">郷野                           </t>
  </si>
  <si>
    <t xml:space="preserve">ｽﾐﾉﾌﾚﾓﾈｰﾄﾞ                    </t>
  </si>
  <si>
    <t xml:space="preserve">チョコレートパフェ            </t>
  </si>
  <si>
    <t xml:space="preserve">山盛りポテトフライ            </t>
  </si>
  <si>
    <t xml:space="preserve">サービスポテト                </t>
  </si>
  <si>
    <t xml:space="preserve">ｵﾚﾝｼﾞﾁｭｰﾊｲ                    </t>
  </si>
  <si>
    <t xml:space="preserve">ソースカツ丼                  </t>
  </si>
  <si>
    <t xml:space="preserve">メガ盛りポテトフライ          </t>
  </si>
  <si>
    <t xml:space="preserve">野村                           </t>
  </si>
  <si>
    <t xml:space="preserve">揚げパンカレー                </t>
  </si>
  <si>
    <t xml:space="preserve">鏡月                          </t>
  </si>
  <si>
    <t xml:space="preserve">宮下                           </t>
  </si>
  <si>
    <t xml:space="preserve">特製Wチャーハン               </t>
  </si>
  <si>
    <t xml:space="preserve">ｽﾐﾉﾌｸﾞﾚｰﾌﾟﾌﾙｰﾂ                </t>
  </si>
  <si>
    <t xml:space="preserve">西森                           </t>
  </si>
  <si>
    <t xml:space="preserve">holo*27                       </t>
  </si>
  <si>
    <t xml:space="preserve">おいりｱｲｽﾁｮｺﾚｰﾄ               </t>
  </si>
  <si>
    <t xml:space="preserve">尾村                           </t>
  </si>
  <si>
    <t xml:space="preserve">藤澤                           </t>
  </si>
  <si>
    <t xml:space="preserve">ｷﾘﾝ生ﾋﾞｰﾙ(大)                 </t>
  </si>
  <si>
    <t xml:space="preserve">中村                           </t>
  </si>
  <si>
    <t xml:space="preserve">肉キムチ丼                    </t>
  </si>
  <si>
    <t xml:space="preserve">近藤                           </t>
  </si>
  <si>
    <t xml:space="preserve">BLEサンド                     </t>
  </si>
  <si>
    <t xml:space="preserve">ｽﾐﾉﾌ･ﾌﾞﾘｽｸﾚﾓﾈｰﾄﾞ              </t>
  </si>
  <si>
    <t xml:space="preserve">抹茶小倉ﾊﾟﾌｪ                  </t>
  </si>
  <si>
    <t xml:space="preserve">揚げパンあんこ                </t>
  </si>
  <si>
    <t xml:space="preserve">ﾐﾈﾗﾙｳｫｰﾀｰ                     </t>
  </si>
  <si>
    <t xml:space="preserve">ｸﾘｰﾑｶﾌｪｼﾞｭﾚ                   </t>
  </si>
  <si>
    <t xml:space="preserve">武藤                           </t>
  </si>
  <si>
    <t xml:space="preserve">岡坂                           </t>
  </si>
  <si>
    <t xml:space="preserve">渡辺                           </t>
  </si>
  <si>
    <t xml:space="preserve">ﾌｫｱﾛｰｾﾞｽ水割り                </t>
  </si>
  <si>
    <t xml:space="preserve">中本                           </t>
  </si>
  <si>
    <t xml:space="preserve">ｽﾄﾛﾍﾞﾘｰｿﾌﾄ                    </t>
  </si>
  <si>
    <t xml:space="preserve">ｽﾐﾉﾌｱｲｽ                       </t>
  </si>
  <si>
    <t xml:space="preserve">梅酒                          </t>
  </si>
  <si>
    <t xml:space="preserve">ｼﾞｮﾆｰｳｫｰｶｰ(ﾀﾞﾌﾞﾙ)       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BusinessID</t>
  </si>
  <si>
    <t>BusinessDay</t>
  </si>
  <si>
    <t>GoodsID</t>
  </si>
  <si>
    <t>GoodsCode</t>
  </si>
  <si>
    <t>Name</t>
  </si>
  <si>
    <t>PlaceID</t>
  </si>
  <si>
    <t>Price</t>
  </si>
  <si>
    <t>Suu1</t>
  </si>
  <si>
    <t>Suu2</t>
  </si>
  <si>
    <t>SlipNo1</t>
  </si>
  <si>
    <t>SlipNo2</t>
  </si>
  <si>
    <t>EmployeeID</t>
  </si>
  <si>
    <t>Employee</t>
  </si>
  <si>
    <t>Time1</t>
  </si>
  <si>
    <t>Time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33" totalsRowShown="0">
  <autoFilter ref="A1:F33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2182"/>
  <sheetViews>
    <sheetView tabSelected="1" workbookViewId="0">
      <selection sqref="A1:Q1"/>
    </sheetView>
  </sheetViews>
  <sheetFormatPr defaultRowHeight="18.75" x14ac:dyDescent="0.4"/>
  <cols>
    <col min="3" max="3" width="15.875" bestFit="1" customWidth="1"/>
  </cols>
  <sheetData>
    <row r="1" spans="1:16" x14ac:dyDescent="0.4">
      <c r="A1" s="3" t="s">
        <v>324</v>
      </c>
      <c r="B1" s="4" t="s">
        <v>325</v>
      </c>
      <c r="C1" s="3" t="s">
        <v>326</v>
      </c>
      <c r="D1" s="4" t="s">
        <v>327</v>
      </c>
      <c r="E1" s="3" t="s">
        <v>328</v>
      </c>
      <c r="F1" s="4" t="s">
        <v>329</v>
      </c>
      <c r="G1" s="3" t="s">
        <v>330</v>
      </c>
      <c r="H1" s="4" t="s">
        <v>331</v>
      </c>
      <c r="I1" s="3" t="s">
        <v>332</v>
      </c>
      <c r="J1" s="4" t="s">
        <v>333</v>
      </c>
      <c r="K1" s="3" t="s">
        <v>334</v>
      </c>
      <c r="L1" s="4" t="s">
        <v>335</v>
      </c>
      <c r="M1" s="3" t="s">
        <v>336</v>
      </c>
      <c r="N1" s="4" t="s">
        <v>337</v>
      </c>
      <c r="O1" s="3" t="s">
        <v>338</v>
      </c>
      <c r="P1" s="4" t="s">
        <v>339</v>
      </c>
    </row>
    <row r="2" spans="1:16" x14ac:dyDescent="0.4">
      <c r="A2">
        <v>3264</v>
      </c>
      <c r="B2">
        <v>147511</v>
      </c>
      <c r="C2" s="1">
        <v>42732</v>
      </c>
      <c r="D2">
        <v>108</v>
      </c>
      <c r="E2">
        <v>96</v>
      </c>
      <c r="F2" t="s">
        <v>0</v>
      </c>
      <c r="G2">
        <v>19</v>
      </c>
      <c r="H2">
        <v>0</v>
      </c>
      <c r="I2">
        <v>4</v>
      </c>
      <c r="J2">
        <v>2</v>
      </c>
      <c r="K2">
        <v>651859</v>
      </c>
      <c r="L2">
        <v>651860</v>
      </c>
      <c r="M2">
        <v>100</v>
      </c>
      <c r="N2" t="s">
        <v>1</v>
      </c>
      <c r="O2" s="1">
        <v>42732.832638888889</v>
      </c>
      <c r="P2" s="1">
        <v>42732.833333333336</v>
      </c>
    </row>
    <row r="3" spans="1:16" x14ac:dyDescent="0.4">
      <c r="A3">
        <v>3269</v>
      </c>
      <c r="B3">
        <v>147556</v>
      </c>
      <c r="C3" s="1">
        <v>42733</v>
      </c>
      <c r="D3">
        <v>10</v>
      </c>
      <c r="E3">
        <v>102</v>
      </c>
      <c r="F3" t="s">
        <v>2</v>
      </c>
      <c r="G3">
        <v>9</v>
      </c>
      <c r="H3">
        <v>420</v>
      </c>
      <c r="I3">
        <v>1</v>
      </c>
      <c r="J3">
        <v>0</v>
      </c>
      <c r="K3">
        <v>652261</v>
      </c>
      <c r="L3">
        <v>652262</v>
      </c>
      <c r="M3">
        <v>95</v>
      </c>
      <c r="N3" t="s">
        <v>3</v>
      </c>
      <c r="O3" s="1">
        <v>42733.564583333333</v>
      </c>
      <c r="P3" s="1">
        <v>42733.580555555556</v>
      </c>
    </row>
    <row r="4" spans="1:16" x14ac:dyDescent="0.4">
      <c r="A4">
        <v>3270</v>
      </c>
      <c r="B4">
        <v>147679</v>
      </c>
      <c r="C4" s="1">
        <v>42734</v>
      </c>
      <c r="D4">
        <v>214</v>
      </c>
      <c r="E4">
        <v>277</v>
      </c>
      <c r="F4" t="s">
        <v>4</v>
      </c>
      <c r="G4">
        <v>18</v>
      </c>
      <c r="H4">
        <v>0</v>
      </c>
      <c r="I4">
        <v>1</v>
      </c>
      <c r="J4">
        <v>0</v>
      </c>
      <c r="K4">
        <v>652732</v>
      </c>
      <c r="L4">
        <v>652733</v>
      </c>
      <c r="M4">
        <v>29</v>
      </c>
      <c r="O4" s="1">
        <v>42734.625</v>
      </c>
      <c r="P4" s="1">
        <v>42734.626388888886</v>
      </c>
    </row>
    <row r="5" spans="1:16" x14ac:dyDescent="0.4">
      <c r="A5">
        <v>3272</v>
      </c>
      <c r="B5">
        <v>147805</v>
      </c>
      <c r="C5" s="1">
        <v>42735</v>
      </c>
      <c r="D5">
        <v>302</v>
      </c>
      <c r="E5">
        <v>14</v>
      </c>
      <c r="F5" t="s">
        <v>5</v>
      </c>
      <c r="G5">
        <v>15</v>
      </c>
      <c r="H5">
        <v>200</v>
      </c>
      <c r="I5">
        <v>1</v>
      </c>
      <c r="J5">
        <v>0</v>
      </c>
      <c r="K5">
        <v>653401</v>
      </c>
      <c r="L5">
        <v>653402</v>
      </c>
      <c r="M5">
        <v>29</v>
      </c>
      <c r="O5" s="1">
        <v>42736.020833333336</v>
      </c>
      <c r="P5" s="1">
        <v>42736.024305555555</v>
      </c>
    </row>
    <row r="6" spans="1:16" x14ac:dyDescent="0.4">
      <c r="A6">
        <v>3276</v>
      </c>
      <c r="B6">
        <v>147858</v>
      </c>
      <c r="C6" s="1">
        <v>42736</v>
      </c>
      <c r="D6">
        <v>97</v>
      </c>
      <c r="E6">
        <v>21</v>
      </c>
      <c r="F6" t="s">
        <v>6</v>
      </c>
      <c r="G6">
        <v>6</v>
      </c>
      <c r="H6">
        <v>420</v>
      </c>
      <c r="I6">
        <v>1</v>
      </c>
      <c r="J6">
        <v>0</v>
      </c>
      <c r="K6">
        <v>653650</v>
      </c>
      <c r="L6">
        <v>653651</v>
      </c>
      <c r="M6">
        <v>29</v>
      </c>
      <c r="O6" s="1">
        <v>42737.015277777777</v>
      </c>
      <c r="P6" s="1">
        <v>42737.015972222223</v>
      </c>
    </row>
    <row r="7" spans="1:16" x14ac:dyDescent="0.4">
      <c r="A7">
        <v>3279</v>
      </c>
      <c r="B7">
        <v>147996</v>
      </c>
      <c r="C7" s="1">
        <v>42738</v>
      </c>
      <c r="D7">
        <v>97</v>
      </c>
      <c r="E7">
        <v>21</v>
      </c>
      <c r="F7" t="s">
        <v>6</v>
      </c>
      <c r="G7">
        <v>3</v>
      </c>
      <c r="H7">
        <v>420</v>
      </c>
      <c r="I7">
        <v>1</v>
      </c>
      <c r="J7">
        <v>0</v>
      </c>
      <c r="K7">
        <v>654323</v>
      </c>
      <c r="L7">
        <v>654324</v>
      </c>
      <c r="M7">
        <v>96</v>
      </c>
      <c r="N7" t="s">
        <v>7</v>
      </c>
      <c r="O7" s="1">
        <v>42738.836111111108</v>
      </c>
      <c r="P7" s="1">
        <v>42738.836111111108</v>
      </c>
    </row>
    <row r="8" spans="1:16" x14ac:dyDescent="0.4">
      <c r="A8">
        <v>3280</v>
      </c>
      <c r="B8">
        <v>148090</v>
      </c>
      <c r="C8" s="1">
        <v>42739</v>
      </c>
      <c r="D8">
        <v>125</v>
      </c>
      <c r="E8">
        <v>126</v>
      </c>
      <c r="F8" t="s">
        <v>8</v>
      </c>
      <c r="G8">
        <v>7</v>
      </c>
      <c r="H8">
        <v>380</v>
      </c>
      <c r="I8">
        <v>1</v>
      </c>
      <c r="J8">
        <v>0</v>
      </c>
      <c r="K8">
        <v>654754</v>
      </c>
      <c r="L8">
        <v>654755</v>
      </c>
      <c r="M8">
        <v>90</v>
      </c>
      <c r="N8" t="s">
        <v>9</v>
      </c>
      <c r="O8" s="1">
        <v>42739.722222222219</v>
      </c>
      <c r="P8" s="1">
        <v>42739.723611111112</v>
      </c>
    </row>
    <row r="9" spans="1:16" x14ac:dyDescent="0.4">
      <c r="A9">
        <v>3281</v>
      </c>
      <c r="B9">
        <v>148280</v>
      </c>
      <c r="C9" s="1">
        <v>42741</v>
      </c>
      <c r="D9">
        <v>89</v>
      </c>
      <c r="E9">
        <v>70</v>
      </c>
      <c r="F9" t="s">
        <v>10</v>
      </c>
      <c r="G9">
        <v>2</v>
      </c>
      <c r="H9">
        <v>400</v>
      </c>
      <c r="I9">
        <v>1</v>
      </c>
      <c r="J9">
        <v>0</v>
      </c>
      <c r="K9">
        <v>655655</v>
      </c>
      <c r="L9">
        <v>655656</v>
      </c>
      <c r="M9">
        <v>29</v>
      </c>
      <c r="O9" s="1">
        <v>42742.065972222219</v>
      </c>
      <c r="P9" s="1">
        <v>42742.100694444445</v>
      </c>
    </row>
    <row r="10" spans="1:16" x14ac:dyDescent="0.4">
      <c r="A10">
        <v>3284</v>
      </c>
      <c r="B10">
        <v>148460</v>
      </c>
      <c r="C10" s="1">
        <v>42743</v>
      </c>
      <c r="D10">
        <v>218</v>
      </c>
      <c r="E10">
        <v>293</v>
      </c>
      <c r="F10" t="s">
        <v>11</v>
      </c>
      <c r="G10">
        <v>4</v>
      </c>
      <c r="H10">
        <v>250</v>
      </c>
      <c r="I10">
        <v>1</v>
      </c>
      <c r="J10">
        <v>0</v>
      </c>
      <c r="K10">
        <v>656519</v>
      </c>
      <c r="L10">
        <v>656520</v>
      </c>
      <c r="M10">
        <v>1</v>
      </c>
      <c r="N10" t="s">
        <v>12</v>
      </c>
      <c r="O10" s="1">
        <v>42744.082638888889</v>
      </c>
      <c r="P10" s="1">
        <v>42744.086111111108</v>
      </c>
    </row>
    <row r="11" spans="1:16" x14ac:dyDescent="0.4">
      <c r="A11">
        <v>3285</v>
      </c>
      <c r="B11">
        <v>148561</v>
      </c>
      <c r="C11" s="1">
        <v>42745</v>
      </c>
      <c r="D11">
        <v>280</v>
      </c>
      <c r="E11">
        <v>1266</v>
      </c>
      <c r="F11" t="s">
        <v>13</v>
      </c>
      <c r="G11">
        <v>12</v>
      </c>
      <c r="H11">
        <v>680</v>
      </c>
      <c r="I11">
        <v>1</v>
      </c>
      <c r="J11">
        <v>0</v>
      </c>
      <c r="K11">
        <v>656947</v>
      </c>
      <c r="L11">
        <v>656948</v>
      </c>
      <c r="M11">
        <v>95</v>
      </c>
      <c r="N11" t="s">
        <v>3</v>
      </c>
      <c r="O11" s="1">
        <v>42745.668749999997</v>
      </c>
      <c r="P11" s="1">
        <v>42745.678472222222</v>
      </c>
    </row>
    <row r="12" spans="1:16" x14ac:dyDescent="0.4">
      <c r="A12">
        <v>3286</v>
      </c>
      <c r="B12">
        <v>148770</v>
      </c>
      <c r="C12" s="1">
        <v>42749</v>
      </c>
      <c r="D12">
        <v>125</v>
      </c>
      <c r="E12">
        <v>126</v>
      </c>
      <c r="F12" t="s">
        <v>8</v>
      </c>
      <c r="G12">
        <v>11</v>
      </c>
      <c r="H12">
        <v>380</v>
      </c>
      <c r="I12">
        <v>1</v>
      </c>
      <c r="J12">
        <v>0</v>
      </c>
      <c r="K12">
        <v>657897</v>
      </c>
      <c r="L12">
        <v>657898</v>
      </c>
      <c r="M12">
        <v>1</v>
      </c>
      <c r="N12" t="s">
        <v>12</v>
      </c>
      <c r="O12" s="1">
        <v>42749.775694444441</v>
      </c>
      <c r="P12" s="1">
        <v>42749.902083333334</v>
      </c>
    </row>
    <row r="13" spans="1:16" x14ac:dyDescent="0.4">
      <c r="A13">
        <v>3291</v>
      </c>
      <c r="B13">
        <v>148821</v>
      </c>
      <c r="C13" s="1">
        <v>42750</v>
      </c>
      <c r="D13">
        <v>280</v>
      </c>
      <c r="E13">
        <v>1266</v>
      </c>
      <c r="F13" t="s">
        <v>13</v>
      </c>
      <c r="G13">
        <v>6</v>
      </c>
      <c r="H13">
        <v>680</v>
      </c>
      <c r="I13">
        <v>1</v>
      </c>
      <c r="J13">
        <v>0</v>
      </c>
      <c r="K13">
        <v>658169</v>
      </c>
      <c r="L13">
        <v>658170</v>
      </c>
      <c r="M13">
        <v>98</v>
      </c>
      <c r="N13" t="s">
        <v>14</v>
      </c>
      <c r="O13" s="1">
        <v>42750.515277777777</v>
      </c>
      <c r="P13" s="1">
        <v>42750.515277777777</v>
      </c>
    </row>
    <row r="14" spans="1:16" x14ac:dyDescent="0.4">
      <c r="A14">
        <v>3292</v>
      </c>
      <c r="B14">
        <v>149166</v>
      </c>
      <c r="C14" s="1">
        <v>42756</v>
      </c>
      <c r="D14">
        <v>125</v>
      </c>
      <c r="E14">
        <v>126</v>
      </c>
      <c r="F14" t="s">
        <v>8</v>
      </c>
      <c r="G14">
        <v>6</v>
      </c>
      <c r="H14">
        <v>380</v>
      </c>
      <c r="I14">
        <v>1</v>
      </c>
      <c r="J14">
        <v>0</v>
      </c>
      <c r="K14">
        <v>659665</v>
      </c>
      <c r="L14">
        <v>659666</v>
      </c>
      <c r="M14">
        <v>93</v>
      </c>
      <c r="N14" t="s">
        <v>15</v>
      </c>
      <c r="O14" s="1">
        <v>42756.568055555559</v>
      </c>
      <c r="P14" s="1">
        <v>42756.683333333334</v>
      </c>
    </row>
    <row r="15" spans="1:16" x14ac:dyDescent="0.4">
      <c r="A15">
        <v>3298</v>
      </c>
      <c r="B15">
        <v>149431</v>
      </c>
      <c r="C15" s="1">
        <v>42760</v>
      </c>
      <c r="D15">
        <v>102</v>
      </c>
      <c r="E15">
        <v>26</v>
      </c>
      <c r="F15" t="s">
        <v>16</v>
      </c>
      <c r="G15">
        <v>12</v>
      </c>
      <c r="H15">
        <v>480</v>
      </c>
      <c r="I15">
        <v>1</v>
      </c>
      <c r="J15">
        <v>0</v>
      </c>
      <c r="K15">
        <v>660868</v>
      </c>
      <c r="L15">
        <v>660869</v>
      </c>
      <c r="M15">
        <v>95</v>
      </c>
      <c r="N15" t="s">
        <v>3</v>
      </c>
      <c r="O15" s="1">
        <v>42760.611111111109</v>
      </c>
      <c r="P15" s="1">
        <v>42760.615972222222</v>
      </c>
    </row>
    <row r="16" spans="1:16" x14ac:dyDescent="0.4">
      <c r="A16">
        <v>3299</v>
      </c>
      <c r="B16">
        <v>149619</v>
      </c>
      <c r="C16" s="1">
        <v>42763</v>
      </c>
      <c r="D16">
        <v>125</v>
      </c>
      <c r="E16">
        <v>126</v>
      </c>
      <c r="F16" t="s">
        <v>8</v>
      </c>
      <c r="G16">
        <v>8</v>
      </c>
      <c r="H16">
        <v>380</v>
      </c>
      <c r="I16">
        <v>1</v>
      </c>
      <c r="J16">
        <v>0</v>
      </c>
      <c r="K16">
        <v>661746</v>
      </c>
      <c r="L16">
        <v>661747</v>
      </c>
      <c r="M16">
        <v>96</v>
      </c>
      <c r="N16" t="s">
        <v>7</v>
      </c>
      <c r="O16" s="1">
        <v>42763.527083333334</v>
      </c>
      <c r="P16" s="1">
        <v>42763.533333333333</v>
      </c>
    </row>
    <row r="17" spans="1:16" x14ac:dyDescent="0.4">
      <c r="A17">
        <v>3303</v>
      </c>
      <c r="B17">
        <v>149758</v>
      </c>
      <c r="C17" s="1">
        <v>42764</v>
      </c>
      <c r="D17">
        <v>125</v>
      </c>
      <c r="E17">
        <v>126</v>
      </c>
      <c r="F17" t="s">
        <v>8</v>
      </c>
      <c r="G17">
        <v>3</v>
      </c>
      <c r="H17">
        <v>380</v>
      </c>
      <c r="I17">
        <v>1</v>
      </c>
      <c r="J17">
        <v>0</v>
      </c>
      <c r="K17">
        <v>662371</v>
      </c>
      <c r="L17">
        <v>662372</v>
      </c>
      <c r="M17">
        <v>97</v>
      </c>
      <c r="N17" t="s">
        <v>17</v>
      </c>
      <c r="O17" s="1">
        <v>42764.739583333336</v>
      </c>
      <c r="P17" s="1">
        <v>42764.747916666667</v>
      </c>
    </row>
    <row r="18" spans="1:16" x14ac:dyDescent="0.4">
      <c r="A18">
        <v>3304</v>
      </c>
      <c r="B18">
        <v>149939</v>
      </c>
      <c r="C18" s="1">
        <v>42767</v>
      </c>
      <c r="D18">
        <v>125</v>
      </c>
      <c r="E18">
        <v>126</v>
      </c>
      <c r="F18" t="s">
        <v>8</v>
      </c>
      <c r="G18">
        <v>4</v>
      </c>
      <c r="H18">
        <v>380</v>
      </c>
      <c r="I18">
        <v>1</v>
      </c>
      <c r="J18">
        <v>0</v>
      </c>
      <c r="K18">
        <v>663207</v>
      </c>
      <c r="L18">
        <v>663208</v>
      </c>
      <c r="M18">
        <v>96</v>
      </c>
      <c r="N18" t="s">
        <v>7</v>
      </c>
      <c r="O18" s="1">
        <v>42767.635416666664</v>
      </c>
      <c r="P18" s="1">
        <v>42767.740972222222</v>
      </c>
    </row>
    <row r="19" spans="1:16" x14ac:dyDescent="0.4">
      <c r="A19">
        <v>3305</v>
      </c>
      <c r="B19">
        <v>150204</v>
      </c>
      <c r="C19" s="1">
        <v>42770</v>
      </c>
      <c r="D19">
        <v>69</v>
      </c>
      <c r="E19">
        <v>50</v>
      </c>
      <c r="F19" t="s">
        <v>18</v>
      </c>
      <c r="G19">
        <v>8</v>
      </c>
      <c r="H19">
        <v>480</v>
      </c>
      <c r="I19">
        <v>1</v>
      </c>
      <c r="J19">
        <v>0</v>
      </c>
      <c r="K19">
        <v>664465</v>
      </c>
      <c r="L19">
        <v>664466</v>
      </c>
      <c r="M19">
        <v>1</v>
      </c>
      <c r="N19" t="s">
        <v>12</v>
      </c>
      <c r="O19" s="1">
        <v>42771.170138888891</v>
      </c>
      <c r="P19" s="1">
        <v>42771.253472222219</v>
      </c>
    </row>
    <row r="20" spans="1:16" x14ac:dyDescent="0.4">
      <c r="A20">
        <v>3306</v>
      </c>
      <c r="B20">
        <v>150324</v>
      </c>
      <c r="C20" s="1">
        <v>42772</v>
      </c>
      <c r="D20">
        <v>301</v>
      </c>
      <c r="E20">
        <v>1430</v>
      </c>
      <c r="F20" t="s">
        <v>19</v>
      </c>
      <c r="G20">
        <v>8</v>
      </c>
      <c r="H20">
        <v>420</v>
      </c>
      <c r="I20">
        <v>1</v>
      </c>
      <c r="J20">
        <v>0</v>
      </c>
      <c r="K20">
        <v>664966</v>
      </c>
      <c r="L20">
        <v>664967</v>
      </c>
      <c r="M20">
        <v>100</v>
      </c>
      <c r="N20" t="s">
        <v>1</v>
      </c>
      <c r="O20" s="1">
        <v>42772.958333333336</v>
      </c>
      <c r="P20" s="1">
        <v>42772.959722222222</v>
      </c>
    </row>
    <row r="21" spans="1:16" x14ac:dyDescent="0.4">
      <c r="A21">
        <v>3307</v>
      </c>
      <c r="B21">
        <v>150372</v>
      </c>
      <c r="C21" s="1">
        <v>42773</v>
      </c>
      <c r="D21">
        <v>158</v>
      </c>
      <c r="E21">
        <v>117</v>
      </c>
      <c r="F21" t="s">
        <v>20</v>
      </c>
      <c r="G21">
        <v>20</v>
      </c>
      <c r="H21">
        <v>500</v>
      </c>
      <c r="I21">
        <v>1</v>
      </c>
      <c r="J21">
        <v>0</v>
      </c>
      <c r="K21">
        <v>665153</v>
      </c>
      <c r="L21">
        <v>665154</v>
      </c>
      <c r="M21">
        <v>29</v>
      </c>
      <c r="O21" s="1">
        <v>42773.859027777777</v>
      </c>
      <c r="P21" s="1">
        <v>42773.864583333336</v>
      </c>
    </row>
    <row r="22" spans="1:16" x14ac:dyDescent="0.4">
      <c r="A22">
        <v>3308</v>
      </c>
      <c r="B22">
        <v>150435</v>
      </c>
      <c r="C22" s="1">
        <v>42774</v>
      </c>
      <c r="D22">
        <v>147</v>
      </c>
      <c r="E22">
        <v>1131</v>
      </c>
      <c r="F22" t="s">
        <v>21</v>
      </c>
      <c r="G22">
        <v>4</v>
      </c>
      <c r="H22">
        <v>450</v>
      </c>
      <c r="I22">
        <v>1</v>
      </c>
      <c r="J22">
        <v>0</v>
      </c>
      <c r="K22">
        <v>665406</v>
      </c>
      <c r="L22">
        <v>665407</v>
      </c>
      <c r="M22">
        <v>90</v>
      </c>
      <c r="N22" t="s">
        <v>9</v>
      </c>
      <c r="O22" s="1">
        <v>42774.955555555556</v>
      </c>
      <c r="P22" s="1">
        <v>42774.955555555556</v>
      </c>
    </row>
    <row r="23" spans="1:16" x14ac:dyDescent="0.4">
      <c r="A23">
        <v>3310</v>
      </c>
      <c r="B23">
        <v>150474</v>
      </c>
      <c r="C23" s="1">
        <v>42775</v>
      </c>
      <c r="D23">
        <v>290</v>
      </c>
      <c r="E23">
        <v>1260</v>
      </c>
      <c r="F23" t="s">
        <v>22</v>
      </c>
      <c r="G23">
        <v>15</v>
      </c>
      <c r="H23">
        <v>500</v>
      </c>
      <c r="I23">
        <v>1</v>
      </c>
      <c r="J23">
        <v>0</v>
      </c>
      <c r="K23">
        <v>665568</v>
      </c>
      <c r="L23">
        <v>665569</v>
      </c>
      <c r="M23">
        <v>97</v>
      </c>
      <c r="N23" t="s">
        <v>17</v>
      </c>
      <c r="O23" s="1">
        <v>42775.736111111109</v>
      </c>
      <c r="P23" s="1">
        <v>42775.822222222225</v>
      </c>
    </row>
    <row r="24" spans="1:16" x14ac:dyDescent="0.4">
      <c r="A24">
        <v>3312</v>
      </c>
      <c r="B24">
        <v>150847</v>
      </c>
      <c r="C24" s="1">
        <v>42780</v>
      </c>
      <c r="D24">
        <v>302</v>
      </c>
      <c r="E24">
        <v>14</v>
      </c>
      <c r="F24" t="s">
        <v>5</v>
      </c>
      <c r="G24">
        <v>20</v>
      </c>
      <c r="H24">
        <v>200</v>
      </c>
      <c r="I24">
        <v>5</v>
      </c>
      <c r="J24">
        <v>4</v>
      </c>
      <c r="K24">
        <v>667238</v>
      </c>
      <c r="L24">
        <v>667239</v>
      </c>
      <c r="M24">
        <v>29</v>
      </c>
      <c r="O24" s="1">
        <v>42780.906944444447</v>
      </c>
      <c r="P24" s="1">
        <v>42780.906944444447</v>
      </c>
    </row>
    <row r="25" spans="1:16" x14ac:dyDescent="0.4">
      <c r="A25">
        <v>3313</v>
      </c>
      <c r="B25">
        <v>151153</v>
      </c>
      <c r="C25" s="1">
        <v>42784</v>
      </c>
      <c r="D25">
        <v>71</v>
      </c>
      <c r="E25">
        <v>52</v>
      </c>
      <c r="F25" t="s">
        <v>23</v>
      </c>
      <c r="G25">
        <v>20</v>
      </c>
      <c r="H25">
        <v>400</v>
      </c>
      <c r="I25">
        <v>2</v>
      </c>
      <c r="J25">
        <v>0</v>
      </c>
      <c r="K25">
        <v>668594</v>
      </c>
      <c r="L25">
        <v>668595</v>
      </c>
      <c r="M25">
        <v>91</v>
      </c>
      <c r="N25" t="s">
        <v>24</v>
      </c>
      <c r="O25" s="1">
        <v>42785.056250000001</v>
      </c>
      <c r="P25" s="1">
        <v>42785.063888888886</v>
      </c>
    </row>
    <row r="26" spans="1:16" x14ac:dyDescent="0.4">
      <c r="A26">
        <v>3316</v>
      </c>
      <c r="B26">
        <v>151228</v>
      </c>
      <c r="C26" s="1">
        <v>42785</v>
      </c>
      <c r="D26">
        <v>122</v>
      </c>
      <c r="E26">
        <v>142</v>
      </c>
      <c r="F26" t="s">
        <v>25</v>
      </c>
      <c r="G26">
        <v>7</v>
      </c>
      <c r="H26">
        <v>350</v>
      </c>
      <c r="I26">
        <v>1</v>
      </c>
      <c r="J26">
        <v>0</v>
      </c>
      <c r="K26">
        <v>668959</v>
      </c>
      <c r="L26">
        <v>668960</v>
      </c>
      <c r="M26">
        <v>1</v>
      </c>
      <c r="N26" t="s">
        <v>12</v>
      </c>
      <c r="O26" s="1">
        <v>42786.20416666667</v>
      </c>
      <c r="P26" s="1">
        <v>42786.205555555556</v>
      </c>
    </row>
    <row r="27" spans="1:16" x14ac:dyDescent="0.4">
      <c r="A27">
        <v>3317</v>
      </c>
      <c r="B27">
        <v>151410</v>
      </c>
      <c r="C27" s="1">
        <v>42788</v>
      </c>
      <c r="D27">
        <v>68</v>
      </c>
      <c r="E27">
        <v>41</v>
      </c>
      <c r="F27" t="s">
        <v>26</v>
      </c>
      <c r="G27">
        <v>16</v>
      </c>
      <c r="H27">
        <v>320</v>
      </c>
      <c r="I27">
        <v>1</v>
      </c>
      <c r="J27">
        <v>0</v>
      </c>
      <c r="K27">
        <v>669729</v>
      </c>
      <c r="L27">
        <v>669730</v>
      </c>
      <c r="M27">
        <v>90</v>
      </c>
      <c r="N27" t="s">
        <v>9</v>
      </c>
      <c r="O27" s="1">
        <v>42788.956250000003</v>
      </c>
      <c r="P27" s="1">
        <v>42789.058333333334</v>
      </c>
    </row>
    <row r="28" spans="1:16" x14ac:dyDescent="0.4">
      <c r="A28">
        <v>3318</v>
      </c>
      <c r="B28">
        <v>151453</v>
      </c>
      <c r="C28" s="1">
        <v>42789</v>
      </c>
      <c r="D28">
        <v>290</v>
      </c>
      <c r="E28">
        <v>1260</v>
      </c>
      <c r="F28" t="s">
        <v>22</v>
      </c>
      <c r="G28">
        <v>14</v>
      </c>
      <c r="H28">
        <v>500</v>
      </c>
      <c r="I28">
        <v>1</v>
      </c>
      <c r="J28">
        <v>0</v>
      </c>
      <c r="K28">
        <v>669867</v>
      </c>
      <c r="L28">
        <v>669868</v>
      </c>
      <c r="M28">
        <v>102</v>
      </c>
      <c r="N28" t="s">
        <v>27</v>
      </c>
      <c r="O28" s="1">
        <v>42789.788888888892</v>
      </c>
      <c r="P28" s="1">
        <v>42789.790972222225</v>
      </c>
    </row>
    <row r="29" spans="1:16" x14ac:dyDescent="0.4">
      <c r="A29">
        <v>3320</v>
      </c>
      <c r="B29">
        <v>151501</v>
      </c>
      <c r="C29" s="1">
        <v>42790</v>
      </c>
      <c r="D29">
        <v>10</v>
      </c>
      <c r="E29">
        <v>102</v>
      </c>
      <c r="F29" t="s">
        <v>2</v>
      </c>
      <c r="G29">
        <v>6</v>
      </c>
      <c r="H29">
        <v>420</v>
      </c>
      <c r="I29">
        <v>1</v>
      </c>
      <c r="J29">
        <v>0</v>
      </c>
      <c r="K29">
        <v>670075</v>
      </c>
      <c r="L29">
        <v>670076</v>
      </c>
      <c r="M29">
        <v>29</v>
      </c>
      <c r="O29" s="1">
        <v>42790.772222222222</v>
      </c>
      <c r="P29" s="1">
        <v>42790.776388888888</v>
      </c>
    </row>
    <row r="30" spans="1:16" x14ac:dyDescent="0.4">
      <c r="A30">
        <v>3322</v>
      </c>
      <c r="B30">
        <v>151604</v>
      </c>
      <c r="C30" s="1">
        <v>42791</v>
      </c>
      <c r="D30">
        <v>280</v>
      </c>
      <c r="E30">
        <v>1266</v>
      </c>
      <c r="F30" t="s">
        <v>13</v>
      </c>
      <c r="G30">
        <v>12</v>
      </c>
      <c r="H30">
        <v>680</v>
      </c>
      <c r="I30">
        <v>1</v>
      </c>
      <c r="J30">
        <v>0</v>
      </c>
      <c r="K30">
        <v>670499</v>
      </c>
      <c r="L30">
        <v>670500</v>
      </c>
      <c r="M30">
        <v>29</v>
      </c>
      <c r="O30" s="1">
        <v>42791.697222222225</v>
      </c>
      <c r="P30" s="1">
        <v>42791.703472222223</v>
      </c>
    </row>
    <row r="31" spans="1:16" x14ac:dyDescent="0.4">
      <c r="A31">
        <v>3325</v>
      </c>
      <c r="B31">
        <v>151724</v>
      </c>
      <c r="C31" s="1">
        <v>42792</v>
      </c>
      <c r="D31">
        <v>165</v>
      </c>
      <c r="E31">
        <v>323</v>
      </c>
      <c r="F31" t="s">
        <v>28</v>
      </c>
      <c r="G31">
        <v>15</v>
      </c>
      <c r="H31">
        <v>450</v>
      </c>
      <c r="I31">
        <v>1</v>
      </c>
      <c r="J31">
        <v>0</v>
      </c>
      <c r="K31">
        <v>671141</v>
      </c>
      <c r="L31">
        <v>671142</v>
      </c>
      <c r="M31">
        <v>1</v>
      </c>
      <c r="N31" t="s">
        <v>12</v>
      </c>
      <c r="O31" s="1">
        <v>42792.848611111112</v>
      </c>
      <c r="P31" s="1">
        <v>42792.852777777778</v>
      </c>
    </row>
    <row r="32" spans="1:16" x14ac:dyDescent="0.4">
      <c r="A32">
        <v>3328</v>
      </c>
      <c r="B32">
        <v>151863</v>
      </c>
      <c r="C32" s="1">
        <v>42794</v>
      </c>
      <c r="D32">
        <v>58</v>
      </c>
      <c r="E32">
        <v>31</v>
      </c>
      <c r="F32" t="s">
        <v>29</v>
      </c>
      <c r="G32">
        <v>19</v>
      </c>
      <c r="H32">
        <v>320</v>
      </c>
      <c r="I32">
        <v>1</v>
      </c>
      <c r="J32">
        <v>0</v>
      </c>
      <c r="K32">
        <v>671715</v>
      </c>
      <c r="L32">
        <v>671716</v>
      </c>
      <c r="M32">
        <v>107</v>
      </c>
      <c r="N32" t="s">
        <v>30</v>
      </c>
      <c r="O32" s="1">
        <v>42794.759027777778</v>
      </c>
      <c r="P32" s="1">
        <v>42794.776388888888</v>
      </c>
    </row>
    <row r="33" spans="1:16" x14ac:dyDescent="0.4">
      <c r="A33">
        <v>3331</v>
      </c>
      <c r="B33">
        <v>152040</v>
      </c>
      <c r="C33" s="1">
        <v>42797</v>
      </c>
      <c r="D33">
        <v>142</v>
      </c>
      <c r="E33">
        <v>125</v>
      </c>
      <c r="F33" t="s">
        <v>31</v>
      </c>
      <c r="G33">
        <v>2</v>
      </c>
      <c r="H33">
        <v>350</v>
      </c>
      <c r="I33">
        <v>1</v>
      </c>
      <c r="J33">
        <v>0</v>
      </c>
      <c r="K33">
        <v>672461</v>
      </c>
      <c r="L33">
        <v>672462</v>
      </c>
      <c r="M33">
        <v>1</v>
      </c>
      <c r="N33" t="s">
        <v>12</v>
      </c>
      <c r="O33" s="1">
        <v>42797.861805555556</v>
      </c>
      <c r="P33" s="1">
        <v>42797.868055555555</v>
      </c>
    </row>
    <row r="34" spans="1:16" x14ac:dyDescent="0.4">
      <c r="A34">
        <v>3332</v>
      </c>
      <c r="B34">
        <v>152123</v>
      </c>
      <c r="C34" s="1">
        <v>42798</v>
      </c>
      <c r="D34">
        <v>127</v>
      </c>
      <c r="E34">
        <v>136</v>
      </c>
      <c r="F34" t="s">
        <v>32</v>
      </c>
      <c r="G34">
        <v>15</v>
      </c>
      <c r="H34">
        <v>600</v>
      </c>
      <c r="I34">
        <v>2</v>
      </c>
      <c r="J34">
        <v>1</v>
      </c>
      <c r="K34">
        <v>672806</v>
      </c>
      <c r="L34">
        <v>672807</v>
      </c>
      <c r="M34">
        <v>96</v>
      </c>
      <c r="N34" t="s">
        <v>7</v>
      </c>
      <c r="O34" s="1">
        <v>42798.61041666667</v>
      </c>
      <c r="P34" s="1">
        <v>42798.625</v>
      </c>
    </row>
    <row r="35" spans="1:16" x14ac:dyDescent="0.4">
      <c r="A35">
        <v>3338</v>
      </c>
      <c r="B35">
        <v>152431</v>
      </c>
      <c r="C35" s="1">
        <v>42802</v>
      </c>
      <c r="D35">
        <v>97</v>
      </c>
      <c r="E35">
        <v>21</v>
      </c>
      <c r="F35" t="s">
        <v>6</v>
      </c>
      <c r="G35">
        <v>13</v>
      </c>
      <c r="H35">
        <v>420</v>
      </c>
      <c r="I35">
        <v>1</v>
      </c>
      <c r="J35">
        <v>0</v>
      </c>
      <c r="K35">
        <v>674226</v>
      </c>
      <c r="L35">
        <v>674227</v>
      </c>
      <c r="M35">
        <v>90</v>
      </c>
      <c r="N35" t="s">
        <v>9</v>
      </c>
      <c r="O35" s="1">
        <v>42802.885416666664</v>
      </c>
      <c r="P35" s="1">
        <v>42802.963194444441</v>
      </c>
    </row>
    <row r="36" spans="1:16" x14ac:dyDescent="0.4">
      <c r="A36">
        <v>3340</v>
      </c>
      <c r="B36">
        <v>152678</v>
      </c>
      <c r="C36" s="1">
        <v>42805</v>
      </c>
      <c r="D36">
        <v>76</v>
      </c>
      <c r="E36">
        <v>51</v>
      </c>
      <c r="F36" t="s">
        <v>33</v>
      </c>
      <c r="G36">
        <v>7</v>
      </c>
      <c r="H36">
        <v>400</v>
      </c>
      <c r="I36">
        <v>1</v>
      </c>
      <c r="J36">
        <v>0</v>
      </c>
      <c r="K36">
        <v>675303</v>
      </c>
      <c r="L36">
        <v>675304</v>
      </c>
      <c r="M36">
        <v>100</v>
      </c>
      <c r="N36" t="s">
        <v>1</v>
      </c>
      <c r="O36" s="1">
        <v>42805.988194444442</v>
      </c>
      <c r="P36" s="1">
        <v>42805.988194444442</v>
      </c>
    </row>
    <row r="37" spans="1:16" x14ac:dyDescent="0.4">
      <c r="A37">
        <v>3346</v>
      </c>
      <c r="B37">
        <v>152821</v>
      </c>
      <c r="C37" s="1">
        <v>42807</v>
      </c>
      <c r="D37">
        <v>280</v>
      </c>
      <c r="E37">
        <v>1266</v>
      </c>
      <c r="F37" t="s">
        <v>13</v>
      </c>
      <c r="G37">
        <v>6</v>
      </c>
      <c r="H37">
        <v>680</v>
      </c>
      <c r="I37">
        <v>1</v>
      </c>
      <c r="J37">
        <v>0</v>
      </c>
      <c r="K37">
        <v>675990</v>
      </c>
      <c r="L37">
        <v>675991</v>
      </c>
      <c r="M37">
        <v>1</v>
      </c>
      <c r="N37" t="s">
        <v>12</v>
      </c>
      <c r="O37" s="1">
        <v>42807.940972222219</v>
      </c>
      <c r="P37" s="1">
        <v>42808.058333333334</v>
      </c>
    </row>
    <row r="38" spans="1:16" x14ac:dyDescent="0.4">
      <c r="A38">
        <v>3348</v>
      </c>
      <c r="B38">
        <v>152879</v>
      </c>
      <c r="C38" s="1">
        <v>42808</v>
      </c>
      <c r="D38">
        <v>186</v>
      </c>
      <c r="E38">
        <v>225</v>
      </c>
      <c r="F38" t="s">
        <v>34</v>
      </c>
      <c r="G38">
        <v>7</v>
      </c>
      <c r="H38">
        <v>350</v>
      </c>
      <c r="I38">
        <v>1</v>
      </c>
      <c r="J38">
        <v>0</v>
      </c>
      <c r="K38">
        <v>676192</v>
      </c>
      <c r="L38">
        <v>676193</v>
      </c>
      <c r="M38">
        <v>1</v>
      </c>
      <c r="N38" t="s">
        <v>12</v>
      </c>
      <c r="O38" s="1">
        <v>42808.923611111109</v>
      </c>
      <c r="P38" s="1">
        <v>42808.930555555555</v>
      </c>
    </row>
    <row r="39" spans="1:16" x14ac:dyDescent="0.4">
      <c r="A39">
        <v>3350</v>
      </c>
      <c r="B39">
        <v>153111</v>
      </c>
      <c r="C39" s="1">
        <v>42812</v>
      </c>
      <c r="D39">
        <v>69</v>
      </c>
      <c r="E39">
        <v>50</v>
      </c>
      <c r="F39" t="s">
        <v>18</v>
      </c>
      <c r="G39">
        <v>2</v>
      </c>
      <c r="H39">
        <v>480</v>
      </c>
      <c r="I39">
        <v>2</v>
      </c>
      <c r="J39">
        <v>1</v>
      </c>
      <c r="K39">
        <v>677222</v>
      </c>
      <c r="L39">
        <v>677223</v>
      </c>
      <c r="M39">
        <v>96</v>
      </c>
      <c r="N39" t="s">
        <v>7</v>
      </c>
      <c r="O39" s="1">
        <v>42812.553472222222</v>
      </c>
      <c r="P39" s="1">
        <v>42812.554861111108</v>
      </c>
    </row>
    <row r="40" spans="1:16" x14ac:dyDescent="0.4">
      <c r="A40">
        <v>3351</v>
      </c>
      <c r="B40">
        <v>153197</v>
      </c>
      <c r="C40" s="1">
        <v>42813</v>
      </c>
      <c r="D40">
        <v>148</v>
      </c>
      <c r="E40">
        <v>124</v>
      </c>
      <c r="F40" t="s">
        <v>35</v>
      </c>
      <c r="G40">
        <v>19</v>
      </c>
      <c r="H40">
        <v>450</v>
      </c>
      <c r="I40">
        <v>1</v>
      </c>
      <c r="J40">
        <v>0</v>
      </c>
      <c r="K40">
        <v>677720</v>
      </c>
      <c r="L40">
        <v>677721</v>
      </c>
      <c r="M40">
        <v>97</v>
      </c>
      <c r="N40" t="s">
        <v>17</v>
      </c>
      <c r="O40" s="1">
        <v>42813.518750000003</v>
      </c>
      <c r="P40" s="1">
        <v>42813.519444444442</v>
      </c>
    </row>
    <row r="41" spans="1:16" x14ac:dyDescent="0.4">
      <c r="A41">
        <v>3358</v>
      </c>
      <c r="B41">
        <v>153363</v>
      </c>
      <c r="C41" s="1">
        <v>42815</v>
      </c>
      <c r="D41">
        <v>125</v>
      </c>
      <c r="E41">
        <v>126</v>
      </c>
      <c r="F41" t="s">
        <v>8</v>
      </c>
      <c r="G41">
        <v>17</v>
      </c>
      <c r="H41">
        <v>380</v>
      </c>
      <c r="I41">
        <v>1</v>
      </c>
      <c r="J41">
        <v>0</v>
      </c>
      <c r="K41">
        <v>678456</v>
      </c>
      <c r="L41">
        <v>678457</v>
      </c>
      <c r="M41">
        <v>97</v>
      </c>
      <c r="N41" t="s">
        <v>17</v>
      </c>
      <c r="O41" s="1">
        <v>42815.527083333334</v>
      </c>
      <c r="P41" s="1">
        <v>42815.722222222219</v>
      </c>
    </row>
    <row r="42" spans="1:16" x14ac:dyDescent="0.4">
      <c r="A42">
        <v>3362</v>
      </c>
      <c r="B42">
        <v>153572</v>
      </c>
      <c r="C42" s="1">
        <v>42818</v>
      </c>
      <c r="D42">
        <v>280</v>
      </c>
      <c r="E42">
        <v>1266</v>
      </c>
      <c r="F42" t="s">
        <v>13</v>
      </c>
      <c r="G42">
        <v>15</v>
      </c>
      <c r="H42">
        <v>680</v>
      </c>
      <c r="I42">
        <v>1</v>
      </c>
      <c r="J42">
        <v>0</v>
      </c>
      <c r="K42">
        <v>679324</v>
      </c>
      <c r="L42">
        <v>679325</v>
      </c>
      <c r="M42">
        <v>100</v>
      </c>
      <c r="N42" t="s">
        <v>1</v>
      </c>
      <c r="O42" s="1">
        <v>42818.557638888888</v>
      </c>
      <c r="P42" s="1">
        <v>42818.595138888886</v>
      </c>
    </row>
    <row r="43" spans="1:16" x14ac:dyDescent="0.4">
      <c r="A43">
        <v>3367</v>
      </c>
      <c r="B43">
        <v>153750</v>
      </c>
      <c r="C43" s="1">
        <v>42819</v>
      </c>
      <c r="D43">
        <v>73</v>
      </c>
      <c r="E43">
        <v>54</v>
      </c>
      <c r="F43" t="s">
        <v>36</v>
      </c>
      <c r="G43">
        <v>11</v>
      </c>
      <c r="H43">
        <v>400</v>
      </c>
      <c r="I43">
        <v>1</v>
      </c>
      <c r="J43">
        <v>0</v>
      </c>
      <c r="K43">
        <v>680160</v>
      </c>
      <c r="L43">
        <v>680161</v>
      </c>
      <c r="M43">
        <v>1</v>
      </c>
      <c r="N43" t="s">
        <v>12</v>
      </c>
      <c r="O43" s="1">
        <v>42820.15347222222</v>
      </c>
      <c r="P43" s="1">
        <v>42820.15347222222</v>
      </c>
    </row>
    <row r="44" spans="1:16" x14ac:dyDescent="0.4">
      <c r="A44">
        <v>3369</v>
      </c>
      <c r="B44">
        <v>153787</v>
      </c>
      <c r="C44" s="1">
        <v>42820</v>
      </c>
      <c r="D44">
        <v>10</v>
      </c>
      <c r="E44">
        <v>102</v>
      </c>
      <c r="F44" t="s">
        <v>2</v>
      </c>
      <c r="G44">
        <v>9</v>
      </c>
      <c r="H44">
        <v>420</v>
      </c>
      <c r="I44">
        <v>2</v>
      </c>
      <c r="J44">
        <v>0</v>
      </c>
      <c r="K44">
        <v>680315</v>
      </c>
      <c r="L44">
        <v>680316</v>
      </c>
      <c r="M44">
        <v>97</v>
      </c>
      <c r="N44" t="s">
        <v>17</v>
      </c>
      <c r="O44" s="1">
        <v>42820.706944444442</v>
      </c>
      <c r="P44" s="1">
        <v>42820.714583333334</v>
      </c>
    </row>
    <row r="45" spans="1:16" x14ac:dyDescent="0.4">
      <c r="A45">
        <v>3372</v>
      </c>
      <c r="B45">
        <v>153949</v>
      </c>
      <c r="C45" s="1">
        <v>42822</v>
      </c>
      <c r="D45">
        <v>217</v>
      </c>
      <c r="E45">
        <v>296</v>
      </c>
      <c r="F45" t="s">
        <v>37</v>
      </c>
      <c r="G45">
        <v>7</v>
      </c>
      <c r="H45">
        <v>250</v>
      </c>
      <c r="I45">
        <v>1</v>
      </c>
      <c r="J45">
        <v>0</v>
      </c>
      <c r="K45">
        <v>680975</v>
      </c>
      <c r="L45">
        <v>680976</v>
      </c>
      <c r="M45">
        <v>30</v>
      </c>
      <c r="O45" s="1">
        <v>42822.848611111112</v>
      </c>
      <c r="P45" s="1">
        <v>42822.849305555559</v>
      </c>
    </row>
    <row r="46" spans="1:16" x14ac:dyDescent="0.4">
      <c r="A46">
        <v>3375</v>
      </c>
      <c r="B46">
        <v>154068</v>
      </c>
      <c r="C46" s="1">
        <v>42824</v>
      </c>
      <c r="D46">
        <v>168</v>
      </c>
      <c r="E46">
        <v>103</v>
      </c>
      <c r="F46" t="s">
        <v>38</v>
      </c>
      <c r="G46">
        <v>15</v>
      </c>
      <c r="H46">
        <v>550</v>
      </c>
      <c r="I46">
        <v>1</v>
      </c>
      <c r="J46">
        <v>0</v>
      </c>
      <c r="K46">
        <v>681468</v>
      </c>
      <c r="L46">
        <v>681469</v>
      </c>
      <c r="M46">
        <v>93</v>
      </c>
      <c r="N46" t="s">
        <v>15</v>
      </c>
      <c r="O46" s="1">
        <v>42824.570138888892</v>
      </c>
      <c r="P46" s="1">
        <v>42824.578472222223</v>
      </c>
    </row>
    <row r="47" spans="1:16" x14ac:dyDescent="0.4">
      <c r="A47">
        <v>3377</v>
      </c>
      <c r="B47">
        <v>154196</v>
      </c>
      <c r="C47" s="1">
        <v>42825</v>
      </c>
      <c r="D47">
        <v>123</v>
      </c>
      <c r="E47">
        <v>137</v>
      </c>
      <c r="F47" t="s">
        <v>39</v>
      </c>
      <c r="G47">
        <v>11</v>
      </c>
      <c r="H47">
        <v>380</v>
      </c>
      <c r="I47">
        <v>1</v>
      </c>
      <c r="J47">
        <v>0</v>
      </c>
      <c r="K47">
        <v>682042</v>
      </c>
      <c r="L47">
        <v>682043</v>
      </c>
      <c r="M47">
        <v>94</v>
      </c>
      <c r="N47" t="s">
        <v>40</v>
      </c>
      <c r="O47" s="1">
        <v>42825.924305555556</v>
      </c>
      <c r="P47" s="1">
        <v>42825.932638888888</v>
      </c>
    </row>
    <row r="48" spans="1:16" x14ac:dyDescent="0.4">
      <c r="A48">
        <v>3379</v>
      </c>
      <c r="B48">
        <v>154293</v>
      </c>
      <c r="C48" s="1">
        <v>42826</v>
      </c>
      <c r="D48">
        <v>125</v>
      </c>
      <c r="E48">
        <v>126</v>
      </c>
      <c r="F48" t="s">
        <v>8</v>
      </c>
      <c r="G48">
        <v>4</v>
      </c>
      <c r="H48">
        <v>380</v>
      </c>
      <c r="I48">
        <v>1</v>
      </c>
      <c r="J48">
        <v>0</v>
      </c>
      <c r="K48">
        <v>682624</v>
      </c>
      <c r="L48">
        <v>682625</v>
      </c>
      <c r="M48">
        <v>94</v>
      </c>
      <c r="N48" t="s">
        <v>40</v>
      </c>
      <c r="O48" s="1">
        <v>42826.991666666669</v>
      </c>
      <c r="P48" s="1">
        <v>42826.994444444441</v>
      </c>
    </row>
    <row r="49" spans="1:16" x14ac:dyDescent="0.4">
      <c r="A49">
        <v>3381</v>
      </c>
      <c r="B49">
        <v>154356</v>
      </c>
      <c r="C49" s="1">
        <v>42827</v>
      </c>
      <c r="D49">
        <v>142</v>
      </c>
      <c r="E49">
        <v>125</v>
      </c>
      <c r="F49" t="s">
        <v>31</v>
      </c>
      <c r="G49">
        <v>13</v>
      </c>
      <c r="H49">
        <v>350</v>
      </c>
      <c r="I49">
        <v>1</v>
      </c>
      <c r="J49">
        <v>0</v>
      </c>
      <c r="K49">
        <v>682918</v>
      </c>
      <c r="L49">
        <v>682919</v>
      </c>
      <c r="M49">
        <v>102</v>
      </c>
      <c r="N49" t="s">
        <v>27</v>
      </c>
      <c r="O49" s="1">
        <v>42827.705555555556</v>
      </c>
      <c r="P49" s="1">
        <v>42827.768055555556</v>
      </c>
    </row>
    <row r="50" spans="1:16" x14ac:dyDescent="0.4">
      <c r="A50">
        <v>3382</v>
      </c>
      <c r="B50">
        <v>154503</v>
      </c>
      <c r="C50" s="1">
        <v>42829</v>
      </c>
      <c r="D50">
        <v>290</v>
      </c>
      <c r="E50">
        <v>1260</v>
      </c>
      <c r="F50" t="s">
        <v>22</v>
      </c>
      <c r="G50">
        <v>3</v>
      </c>
      <c r="H50">
        <v>500</v>
      </c>
      <c r="I50">
        <v>1</v>
      </c>
      <c r="J50">
        <v>0</v>
      </c>
      <c r="K50">
        <v>683494</v>
      </c>
      <c r="L50">
        <v>683495</v>
      </c>
      <c r="M50">
        <v>100</v>
      </c>
      <c r="N50" t="s">
        <v>1</v>
      </c>
      <c r="O50" s="1">
        <v>42829.591666666667</v>
      </c>
      <c r="P50" s="1">
        <v>42829.592361111114</v>
      </c>
    </row>
    <row r="51" spans="1:16" x14ac:dyDescent="0.4">
      <c r="A51">
        <v>3386</v>
      </c>
      <c r="B51">
        <v>154642</v>
      </c>
      <c r="C51" s="1">
        <v>42831</v>
      </c>
      <c r="D51">
        <v>146</v>
      </c>
      <c r="E51">
        <v>131</v>
      </c>
      <c r="F51" t="s">
        <v>41</v>
      </c>
      <c r="G51">
        <v>7</v>
      </c>
      <c r="H51">
        <v>450</v>
      </c>
      <c r="I51">
        <v>1</v>
      </c>
      <c r="J51">
        <v>0</v>
      </c>
      <c r="K51">
        <v>684108</v>
      </c>
      <c r="L51">
        <v>684109</v>
      </c>
      <c r="M51">
        <v>100</v>
      </c>
      <c r="N51" t="s">
        <v>1</v>
      </c>
      <c r="O51" s="1">
        <v>42832.037499999999</v>
      </c>
      <c r="P51" s="1">
        <v>42832.040972222225</v>
      </c>
    </row>
    <row r="52" spans="1:16" x14ac:dyDescent="0.4">
      <c r="A52">
        <v>3387</v>
      </c>
      <c r="B52">
        <v>154675</v>
      </c>
      <c r="C52" s="1">
        <v>42832</v>
      </c>
      <c r="D52">
        <v>144</v>
      </c>
      <c r="E52">
        <v>130</v>
      </c>
      <c r="F52" t="s">
        <v>42</v>
      </c>
      <c r="G52">
        <v>2</v>
      </c>
      <c r="H52">
        <v>200</v>
      </c>
      <c r="I52">
        <v>1</v>
      </c>
      <c r="J52">
        <v>0</v>
      </c>
      <c r="K52">
        <v>684215</v>
      </c>
      <c r="L52">
        <v>684216</v>
      </c>
      <c r="M52">
        <v>100</v>
      </c>
      <c r="N52" t="s">
        <v>1</v>
      </c>
      <c r="O52" s="1">
        <v>42832.775000000001</v>
      </c>
      <c r="P52" s="1">
        <v>42832.795138888891</v>
      </c>
    </row>
    <row r="53" spans="1:16" x14ac:dyDescent="0.4">
      <c r="A53">
        <v>3389</v>
      </c>
      <c r="B53">
        <v>154780</v>
      </c>
      <c r="C53" s="1">
        <v>42833</v>
      </c>
      <c r="D53">
        <v>301</v>
      </c>
      <c r="E53">
        <v>1430</v>
      </c>
      <c r="F53" t="s">
        <v>19</v>
      </c>
      <c r="G53">
        <v>4</v>
      </c>
      <c r="H53">
        <v>420</v>
      </c>
      <c r="I53">
        <v>1</v>
      </c>
      <c r="J53">
        <v>0</v>
      </c>
      <c r="K53">
        <v>684790</v>
      </c>
      <c r="L53">
        <v>684791</v>
      </c>
      <c r="M53">
        <v>99</v>
      </c>
      <c r="N53" t="s">
        <v>43</v>
      </c>
      <c r="O53" s="1">
        <v>42833.911805555559</v>
      </c>
      <c r="P53" s="1">
        <v>42833.917361111111</v>
      </c>
    </row>
    <row r="54" spans="1:16" x14ac:dyDescent="0.4">
      <c r="A54">
        <v>3393</v>
      </c>
      <c r="B54">
        <v>154876</v>
      </c>
      <c r="C54" s="1">
        <v>42834</v>
      </c>
      <c r="D54">
        <v>186</v>
      </c>
      <c r="E54">
        <v>225</v>
      </c>
      <c r="F54" t="s">
        <v>34</v>
      </c>
      <c r="G54">
        <v>2</v>
      </c>
      <c r="H54">
        <v>350</v>
      </c>
      <c r="I54">
        <v>1</v>
      </c>
      <c r="J54">
        <v>0</v>
      </c>
      <c r="K54">
        <v>685188</v>
      </c>
      <c r="L54">
        <v>685189</v>
      </c>
      <c r="M54">
        <v>89</v>
      </c>
      <c r="N54" t="s">
        <v>44</v>
      </c>
      <c r="O54" s="1">
        <v>42834.893055555556</v>
      </c>
      <c r="P54" s="1">
        <v>42834.894444444442</v>
      </c>
    </row>
    <row r="55" spans="1:16" x14ac:dyDescent="0.4">
      <c r="A55">
        <v>3408</v>
      </c>
      <c r="B55">
        <v>154945</v>
      </c>
      <c r="C55" s="1">
        <v>42835</v>
      </c>
      <c r="D55">
        <v>69</v>
      </c>
      <c r="E55">
        <v>50</v>
      </c>
      <c r="F55" t="s">
        <v>18</v>
      </c>
      <c r="G55">
        <v>1</v>
      </c>
      <c r="H55">
        <v>480</v>
      </c>
      <c r="I55">
        <v>1</v>
      </c>
      <c r="J55">
        <v>0</v>
      </c>
      <c r="K55">
        <v>685556</v>
      </c>
      <c r="L55">
        <v>685557</v>
      </c>
      <c r="M55">
        <v>1</v>
      </c>
      <c r="N55" t="s">
        <v>45</v>
      </c>
      <c r="O55" s="1">
        <v>42836.066666666666</v>
      </c>
      <c r="P55" s="1">
        <v>42836.074999999997</v>
      </c>
    </row>
    <row r="56" spans="1:16" x14ac:dyDescent="0.4">
      <c r="A56">
        <v>3411</v>
      </c>
      <c r="B56">
        <v>154999</v>
      </c>
      <c r="C56" s="1">
        <v>42836</v>
      </c>
      <c r="D56">
        <v>213</v>
      </c>
      <c r="E56">
        <v>211</v>
      </c>
      <c r="F56" t="s">
        <v>46</v>
      </c>
      <c r="G56">
        <v>4</v>
      </c>
      <c r="H56">
        <v>0</v>
      </c>
      <c r="I56">
        <v>1</v>
      </c>
      <c r="J56">
        <v>0</v>
      </c>
      <c r="K56">
        <v>685768</v>
      </c>
      <c r="L56">
        <v>685769</v>
      </c>
      <c r="M56">
        <v>1</v>
      </c>
      <c r="N56" t="s">
        <v>45</v>
      </c>
      <c r="O56" s="1">
        <v>42836.90347222222</v>
      </c>
      <c r="P56" s="1">
        <v>42836.904861111114</v>
      </c>
    </row>
    <row r="57" spans="1:16" x14ac:dyDescent="0.4">
      <c r="A57">
        <v>3415</v>
      </c>
      <c r="B57">
        <v>155052</v>
      </c>
      <c r="C57" s="1">
        <v>42837</v>
      </c>
      <c r="D57">
        <v>174</v>
      </c>
      <c r="E57">
        <v>320</v>
      </c>
      <c r="F57" t="s">
        <v>47</v>
      </c>
      <c r="G57">
        <v>11</v>
      </c>
      <c r="H57">
        <v>380</v>
      </c>
      <c r="I57">
        <v>1</v>
      </c>
      <c r="J57">
        <v>0</v>
      </c>
      <c r="K57">
        <v>686037</v>
      </c>
      <c r="L57">
        <v>686038</v>
      </c>
      <c r="M57">
        <v>104</v>
      </c>
      <c r="N57" t="s">
        <v>48</v>
      </c>
      <c r="O57" s="1">
        <v>42838.018750000003</v>
      </c>
      <c r="P57" s="1">
        <v>42838.032638888886</v>
      </c>
    </row>
    <row r="58" spans="1:16" x14ac:dyDescent="0.4">
      <c r="A58">
        <v>3416</v>
      </c>
      <c r="B58">
        <v>155134</v>
      </c>
      <c r="C58" s="1">
        <v>42839</v>
      </c>
      <c r="D58">
        <v>75</v>
      </c>
      <c r="E58">
        <v>56</v>
      </c>
      <c r="F58" t="s">
        <v>49</v>
      </c>
      <c r="G58">
        <v>16</v>
      </c>
      <c r="H58">
        <v>400</v>
      </c>
      <c r="I58">
        <v>1</v>
      </c>
      <c r="J58">
        <v>0</v>
      </c>
      <c r="K58">
        <v>686374</v>
      </c>
      <c r="L58">
        <v>686375</v>
      </c>
      <c r="M58">
        <v>99</v>
      </c>
      <c r="N58" t="s">
        <v>43</v>
      </c>
      <c r="O58" s="1">
        <v>42839.908333333333</v>
      </c>
      <c r="P58" s="1">
        <v>42839.912499999999</v>
      </c>
    </row>
    <row r="59" spans="1:16" x14ac:dyDescent="0.4">
      <c r="A59">
        <v>3417</v>
      </c>
      <c r="B59">
        <v>155308</v>
      </c>
      <c r="C59" s="1">
        <v>42841</v>
      </c>
      <c r="D59">
        <v>290</v>
      </c>
      <c r="E59">
        <v>1260</v>
      </c>
      <c r="F59" t="s">
        <v>22</v>
      </c>
      <c r="G59">
        <v>10</v>
      </c>
      <c r="H59">
        <v>500</v>
      </c>
      <c r="I59">
        <v>1</v>
      </c>
      <c r="J59">
        <v>0</v>
      </c>
      <c r="K59">
        <v>687186</v>
      </c>
      <c r="L59">
        <v>687187</v>
      </c>
      <c r="M59">
        <v>105</v>
      </c>
      <c r="O59" s="1">
        <v>42841.745833333334</v>
      </c>
      <c r="P59" s="1">
        <v>42841.75277777778</v>
      </c>
    </row>
    <row r="60" spans="1:16" x14ac:dyDescent="0.4">
      <c r="A60">
        <v>3418</v>
      </c>
      <c r="B60">
        <v>155410</v>
      </c>
      <c r="C60" s="1">
        <v>42843</v>
      </c>
      <c r="D60">
        <v>74</v>
      </c>
      <c r="E60">
        <v>55</v>
      </c>
      <c r="F60" t="s">
        <v>50</v>
      </c>
      <c r="G60">
        <v>13</v>
      </c>
      <c r="H60">
        <v>400</v>
      </c>
      <c r="I60">
        <v>1</v>
      </c>
      <c r="J60">
        <v>0</v>
      </c>
      <c r="K60">
        <v>687602</v>
      </c>
      <c r="L60">
        <v>687603</v>
      </c>
      <c r="M60">
        <v>105</v>
      </c>
      <c r="O60" s="1">
        <v>42843.788888888892</v>
      </c>
      <c r="P60" s="1">
        <v>42843.789583333331</v>
      </c>
    </row>
    <row r="61" spans="1:16" x14ac:dyDescent="0.4">
      <c r="A61">
        <v>3419</v>
      </c>
      <c r="B61">
        <v>155511</v>
      </c>
      <c r="C61" s="1">
        <v>42845</v>
      </c>
      <c r="D61">
        <v>166</v>
      </c>
      <c r="E61">
        <v>322</v>
      </c>
      <c r="F61" t="s">
        <v>51</v>
      </c>
      <c r="G61">
        <v>6</v>
      </c>
      <c r="H61">
        <v>550</v>
      </c>
      <c r="I61">
        <v>1</v>
      </c>
      <c r="J61">
        <v>0</v>
      </c>
      <c r="K61">
        <v>688068</v>
      </c>
      <c r="L61">
        <v>688069</v>
      </c>
      <c r="M61">
        <v>106</v>
      </c>
      <c r="O61" s="1">
        <v>42846.167361111111</v>
      </c>
      <c r="P61" s="1">
        <v>42846.18472222222</v>
      </c>
    </row>
    <row r="62" spans="1:16" x14ac:dyDescent="0.4">
      <c r="A62">
        <v>3421</v>
      </c>
      <c r="B62">
        <v>155671</v>
      </c>
      <c r="C62" s="1">
        <v>42847</v>
      </c>
      <c r="D62">
        <v>213</v>
      </c>
      <c r="E62">
        <v>211</v>
      </c>
      <c r="F62" t="s">
        <v>46</v>
      </c>
      <c r="G62">
        <v>12</v>
      </c>
      <c r="H62">
        <v>0</v>
      </c>
      <c r="I62">
        <v>5</v>
      </c>
      <c r="J62">
        <v>4</v>
      </c>
      <c r="K62">
        <v>688911</v>
      </c>
      <c r="L62">
        <v>688912</v>
      </c>
      <c r="M62">
        <v>99</v>
      </c>
      <c r="N62" t="s">
        <v>43</v>
      </c>
      <c r="O62" s="1">
        <v>42847.947222222225</v>
      </c>
      <c r="P62" s="1">
        <v>42847.947222222225</v>
      </c>
    </row>
    <row r="63" spans="1:16" x14ac:dyDescent="0.4">
      <c r="A63">
        <v>3422</v>
      </c>
      <c r="B63">
        <v>155722</v>
      </c>
      <c r="C63" s="1">
        <v>42848</v>
      </c>
      <c r="D63">
        <v>149</v>
      </c>
      <c r="E63">
        <v>121</v>
      </c>
      <c r="F63" t="s">
        <v>52</v>
      </c>
      <c r="G63">
        <v>12</v>
      </c>
      <c r="H63">
        <v>450</v>
      </c>
      <c r="I63">
        <v>1</v>
      </c>
      <c r="J63">
        <v>0</v>
      </c>
      <c r="K63">
        <v>689200</v>
      </c>
      <c r="L63">
        <v>689201</v>
      </c>
      <c r="M63">
        <v>1</v>
      </c>
      <c r="N63" t="s">
        <v>45</v>
      </c>
      <c r="O63" s="1">
        <v>42848.613194444442</v>
      </c>
      <c r="P63" s="1">
        <v>42848.613888888889</v>
      </c>
    </row>
    <row r="64" spans="1:16" x14ac:dyDescent="0.4">
      <c r="A64">
        <v>3423</v>
      </c>
      <c r="B64">
        <v>155977</v>
      </c>
      <c r="C64" s="1">
        <v>42852</v>
      </c>
      <c r="D64">
        <v>295</v>
      </c>
      <c r="E64">
        <v>549</v>
      </c>
      <c r="F64" t="s">
        <v>53</v>
      </c>
      <c r="G64">
        <v>1</v>
      </c>
      <c r="H64">
        <v>500</v>
      </c>
      <c r="I64">
        <v>1</v>
      </c>
      <c r="J64">
        <v>0</v>
      </c>
      <c r="K64">
        <v>690327</v>
      </c>
      <c r="L64">
        <v>690328</v>
      </c>
      <c r="M64">
        <v>105</v>
      </c>
      <c r="O64" s="1">
        <v>42853.087500000001</v>
      </c>
      <c r="P64" s="1">
        <v>42853.095833333333</v>
      </c>
    </row>
    <row r="65" spans="1:16" x14ac:dyDescent="0.4">
      <c r="A65">
        <v>3424</v>
      </c>
      <c r="B65">
        <v>156017</v>
      </c>
      <c r="C65" s="1">
        <v>42853</v>
      </c>
      <c r="D65">
        <v>9</v>
      </c>
      <c r="E65">
        <v>101</v>
      </c>
      <c r="F65" t="s">
        <v>54</v>
      </c>
      <c r="G65">
        <v>16</v>
      </c>
      <c r="H65">
        <v>420</v>
      </c>
      <c r="I65">
        <v>3</v>
      </c>
      <c r="J65">
        <v>1</v>
      </c>
      <c r="K65">
        <v>690452</v>
      </c>
      <c r="L65">
        <v>690453</v>
      </c>
      <c r="M65">
        <v>96</v>
      </c>
      <c r="N65" t="s">
        <v>7</v>
      </c>
      <c r="O65" s="1">
        <v>42853.768055555556</v>
      </c>
      <c r="P65" s="1">
        <v>42853.771527777775</v>
      </c>
    </row>
    <row r="66" spans="1:16" x14ac:dyDescent="0.4">
      <c r="A66">
        <v>3425</v>
      </c>
      <c r="B66">
        <v>156195</v>
      </c>
      <c r="C66" s="1">
        <v>42855</v>
      </c>
      <c r="D66">
        <v>142</v>
      </c>
      <c r="E66">
        <v>125</v>
      </c>
      <c r="F66" t="s">
        <v>31</v>
      </c>
      <c r="G66">
        <v>8</v>
      </c>
      <c r="H66">
        <v>350</v>
      </c>
      <c r="I66">
        <v>124</v>
      </c>
      <c r="J66">
        <v>1</v>
      </c>
      <c r="K66">
        <v>691366</v>
      </c>
      <c r="L66">
        <v>691367</v>
      </c>
      <c r="M66">
        <v>100</v>
      </c>
      <c r="N66" t="s">
        <v>1</v>
      </c>
      <c r="O66" s="1">
        <v>42855.740972222222</v>
      </c>
      <c r="P66" s="1">
        <v>42855.744444444441</v>
      </c>
    </row>
    <row r="67" spans="1:16" x14ac:dyDescent="0.4">
      <c r="A67">
        <v>3426</v>
      </c>
      <c r="B67">
        <v>156339</v>
      </c>
      <c r="C67" s="1">
        <v>42857</v>
      </c>
      <c r="D67">
        <v>125</v>
      </c>
      <c r="E67">
        <v>126</v>
      </c>
      <c r="F67" t="s">
        <v>8</v>
      </c>
      <c r="G67">
        <v>1</v>
      </c>
      <c r="H67">
        <v>380</v>
      </c>
      <c r="I67">
        <v>1</v>
      </c>
      <c r="J67">
        <v>0</v>
      </c>
      <c r="K67">
        <v>692030</v>
      </c>
      <c r="L67">
        <v>692031</v>
      </c>
      <c r="M67">
        <v>100</v>
      </c>
      <c r="N67" t="s">
        <v>1</v>
      </c>
      <c r="O67" s="1">
        <v>42857.640277777777</v>
      </c>
      <c r="P67" s="1">
        <v>42857.644444444442</v>
      </c>
    </row>
    <row r="68" spans="1:16" x14ac:dyDescent="0.4">
      <c r="A68">
        <v>3427</v>
      </c>
      <c r="B68">
        <v>156359</v>
      </c>
      <c r="C68" s="1">
        <v>42857</v>
      </c>
      <c r="D68">
        <v>280</v>
      </c>
      <c r="E68">
        <v>1266</v>
      </c>
      <c r="F68" t="s">
        <v>13</v>
      </c>
      <c r="G68">
        <v>18</v>
      </c>
      <c r="H68">
        <v>680</v>
      </c>
      <c r="I68">
        <v>1</v>
      </c>
      <c r="J68">
        <v>0</v>
      </c>
      <c r="K68">
        <v>692072</v>
      </c>
      <c r="L68">
        <v>692073</v>
      </c>
      <c r="M68">
        <v>100</v>
      </c>
      <c r="N68" t="s">
        <v>1</v>
      </c>
      <c r="O68" s="1">
        <v>42857.752083333333</v>
      </c>
      <c r="P68" s="1">
        <v>42857.75277777778</v>
      </c>
    </row>
    <row r="69" spans="1:16" x14ac:dyDescent="0.4">
      <c r="A69">
        <v>3431</v>
      </c>
      <c r="B69">
        <v>156365</v>
      </c>
      <c r="C69" s="1">
        <v>42857</v>
      </c>
      <c r="D69">
        <v>88</v>
      </c>
      <c r="E69">
        <v>69</v>
      </c>
      <c r="F69" t="s">
        <v>55</v>
      </c>
      <c r="G69">
        <v>16</v>
      </c>
      <c r="H69">
        <v>400</v>
      </c>
      <c r="I69">
        <v>1</v>
      </c>
      <c r="J69">
        <v>0</v>
      </c>
      <c r="K69">
        <v>692130</v>
      </c>
      <c r="L69">
        <v>692131</v>
      </c>
      <c r="M69">
        <v>89</v>
      </c>
      <c r="N69" t="s">
        <v>44</v>
      </c>
      <c r="O69" s="1">
        <v>42857.84652777778</v>
      </c>
      <c r="P69" s="1">
        <v>42857.848611111112</v>
      </c>
    </row>
    <row r="70" spans="1:16" x14ac:dyDescent="0.4">
      <c r="A70">
        <v>3436</v>
      </c>
      <c r="B70">
        <v>156355</v>
      </c>
      <c r="C70" s="1">
        <v>42857</v>
      </c>
      <c r="D70">
        <v>125</v>
      </c>
      <c r="E70">
        <v>126</v>
      </c>
      <c r="F70" t="s">
        <v>8</v>
      </c>
      <c r="G70">
        <v>12</v>
      </c>
      <c r="H70">
        <v>380</v>
      </c>
      <c r="I70">
        <v>1</v>
      </c>
      <c r="J70">
        <v>0</v>
      </c>
      <c r="K70">
        <v>692166</v>
      </c>
      <c r="L70">
        <v>692167</v>
      </c>
      <c r="M70">
        <v>89</v>
      </c>
      <c r="N70" t="s">
        <v>44</v>
      </c>
      <c r="O70" s="1">
        <v>42857.72152777778</v>
      </c>
      <c r="P70" s="1">
        <v>42857.883333333331</v>
      </c>
    </row>
    <row r="71" spans="1:16" x14ac:dyDescent="0.4">
      <c r="A71">
        <v>3438</v>
      </c>
      <c r="B71">
        <v>156585</v>
      </c>
      <c r="C71" s="1">
        <v>42859</v>
      </c>
      <c r="D71">
        <v>69</v>
      </c>
      <c r="E71">
        <v>50</v>
      </c>
      <c r="F71" t="s">
        <v>18</v>
      </c>
      <c r="G71">
        <v>13</v>
      </c>
      <c r="H71">
        <v>480</v>
      </c>
      <c r="I71">
        <v>1</v>
      </c>
      <c r="J71">
        <v>0</v>
      </c>
      <c r="K71">
        <v>693172</v>
      </c>
      <c r="L71">
        <v>693173</v>
      </c>
      <c r="M71">
        <v>74</v>
      </c>
      <c r="N71" t="s">
        <v>56</v>
      </c>
      <c r="O71" s="1">
        <v>42859.977777777778</v>
      </c>
      <c r="P71" s="1">
        <v>42860.004166666666</v>
      </c>
    </row>
    <row r="72" spans="1:16" x14ac:dyDescent="0.4">
      <c r="A72">
        <v>3439</v>
      </c>
      <c r="B72">
        <v>156585</v>
      </c>
      <c r="C72" s="1">
        <v>42859</v>
      </c>
      <c r="D72">
        <v>71</v>
      </c>
      <c r="E72">
        <v>52</v>
      </c>
      <c r="F72" t="s">
        <v>23</v>
      </c>
      <c r="G72">
        <v>13</v>
      </c>
      <c r="H72">
        <v>400</v>
      </c>
      <c r="I72">
        <v>1</v>
      </c>
      <c r="J72">
        <v>0</v>
      </c>
      <c r="K72">
        <v>693174</v>
      </c>
      <c r="L72">
        <v>693175</v>
      </c>
      <c r="M72">
        <v>74</v>
      </c>
      <c r="N72" t="s">
        <v>56</v>
      </c>
      <c r="O72" s="1">
        <v>42859.977777777778</v>
      </c>
      <c r="P72" s="1">
        <v>42860.004166666666</v>
      </c>
    </row>
    <row r="73" spans="1:16" x14ac:dyDescent="0.4">
      <c r="A73">
        <v>3441</v>
      </c>
      <c r="B73">
        <v>156613</v>
      </c>
      <c r="C73" s="1">
        <v>42860</v>
      </c>
      <c r="D73">
        <v>290</v>
      </c>
      <c r="E73">
        <v>1260</v>
      </c>
      <c r="F73" t="s">
        <v>22</v>
      </c>
      <c r="G73">
        <v>14</v>
      </c>
      <c r="H73">
        <v>500</v>
      </c>
      <c r="I73">
        <v>1</v>
      </c>
      <c r="J73">
        <v>0</v>
      </c>
      <c r="K73">
        <v>693325</v>
      </c>
      <c r="L73">
        <v>693326</v>
      </c>
      <c r="M73">
        <v>100</v>
      </c>
      <c r="N73" t="s">
        <v>1</v>
      </c>
      <c r="O73" s="1">
        <v>42860.472222222219</v>
      </c>
      <c r="P73" s="1">
        <v>42860.475694444445</v>
      </c>
    </row>
    <row r="74" spans="1:16" x14ac:dyDescent="0.4">
      <c r="A74">
        <v>3442</v>
      </c>
      <c r="B74">
        <v>156753</v>
      </c>
      <c r="C74" s="1">
        <v>42861</v>
      </c>
      <c r="D74">
        <v>186</v>
      </c>
      <c r="E74">
        <v>225</v>
      </c>
      <c r="F74" t="s">
        <v>34</v>
      </c>
      <c r="G74">
        <v>7</v>
      </c>
      <c r="H74">
        <v>350</v>
      </c>
      <c r="I74">
        <v>1</v>
      </c>
      <c r="J74">
        <v>0</v>
      </c>
      <c r="K74">
        <v>693894</v>
      </c>
      <c r="L74">
        <v>693895</v>
      </c>
      <c r="M74">
        <v>1</v>
      </c>
      <c r="N74" t="s">
        <v>45</v>
      </c>
      <c r="O74" s="1">
        <v>42861.879166666666</v>
      </c>
      <c r="P74" s="1">
        <v>42861.882638888892</v>
      </c>
    </row>
    <row r="75" spans="1:16" x14ac:dyDescent="0.4">
      <c r="A75">
        <v>3443</v>
      </c>
      <c r="B75">
        <v>157045</v>
      </c>
      <c r="C75" s="1">
        <v>42866</v>
      </c>
      <c r="D75">
        <v>186</v>
      </c>
      <c r="E75">
        <v>225</v>
      </c>
      <c r="F75" t="s">
        <v>34</v>
      </c>
      <c r="G75">
        <v>6</v>
      </c>
      <c r="H75">
        <v>350</v>
      </c>
      <c r="I75">
        <v>4</v>
      </c>
      <c r="J75">
        <v>0</v>
      </c>
      <c r="K75">
        <v>695122</v>
      </c>
      <c r="L75">
        <v>695123</v>
      </c>
      <c r="M75">
        <v>104</v>
      </c>
      <c r="N75" t="s">
        <v>48</v>
      </c>
      <c r="O75" s="1">
        <v>42866.97152777778</v>
      </c>
      <c r="P75" s="1">
        <v>42866.972222222219</v>
      </c>
    </row>
    <row r="76" spans="1:16" x14ac:dyDescent="0.4">
      <c r="A76">
        <v>3444</v>
      </c>
      <c r="B76">
        <v>157052</v>
      </c>
      <c r="C76" s="1">
        <v>42866</v>
      </c>
      <c r="D76">
        <v>186</v>
      </c>
      <c r="E76">
        <v>225</v>
      </c>
      <c r="F76" t="s">
        <v>34</v>
      </c>
      <c r="G76">
        <v>6</v>
      </c>
      <c r="H76">
        <v>350</v>
      </c>
      <c r="I76">
        <v>1</v>
      </c>
      <c r="J76">
        <v>0</v>
      </c>
      <c r="K76">
        <v>695158</v>
      </c>
      <c r="L76">
        <v>695159</v>
      </c>
      <c r="M76">
        <v>104</v>
      </c>
      <c r="N76" t="s">
        <v>48</v>
      </c>
      <c r="O76" s="1">
        <v>42867.090277777781</v>
      </c>
      <c r="P76" s="1">
        <v>42867.091666666667</v>
      </c>
    </row>
    <row r="77" spans="1:16" x14ac:dyDescent="0.4">
      <c r="A77">
        <v>3445</v>
      </c>
      <c r="B77">
        <v>157112</v>
      </c>
      <c r="C77" s="1">
        <v>42867</v>
      </c>
      <c r="D77">
        <v>94</v>
      </c>
      <c r="E77">
        <v>75</v>
      </c>
      <c r="F77" t="s">
        <v>57</v>
      </c>
      <c r="G77">
        <v>11</v>
      </c>
      <c r="H77">
        <v>480</v>
      </c>
      <c r="I77">
        <v>1</v>
      </c>
      <c r="J77">
        <v>0</v>
      </c>
      <c r="K77">
        <v>695420</v>
      </c>
      <c r="L77">
        <v>695421</v>
      </c>
      <c r="M77">
        <v>89</v>
      </c>
      <c r="N77" t="s">
        <v>44</v>
      </c>
      <c r="O77" s="1">
        <v>42867.977777777778</v>
      </c>
      <c r="P77" s="1">
        <v>42867.977777777778</v>
      </c>
    </row>
    <row r="78" spans="1:16" x14ac:dyDescent="0.4">
      <c r="A78">
        <v>3446</v>
      </c>
      <c r="B78">
        <v>157223</v>
      </c>
      <c r="C78" s="1">
        <v>42869</v>
      </c>
      <c r="D78">
        <v>16</v>
      </c>
      <c r="E78">
        <v>120</v>
      </c>
      <c r="F78" t="s">
        <v>58</v>
      </c>
      <c r="G78">
        <v>13</v>
      </c>
      <c r="H78">
        <v>450</v>
      </c>
      <c r="I78">
        <v>1</v>
      </c>
      <c r="J78">
        <v>0</v>
      </c>
      <c r="K78">
        <v>696059</v>
      </c>
      <c r="L78">
        <v>696060</v>
      </c>
      <c r="M78">
        <v>102</v>
      </c>
      <c r="N78" t="s">
        <v>27</v>
      </c>
      <c r="O78" s="1">
        <v>42869.484722222223</v>
      </c>
      <c r="P78" s="1">
        <v>42869.488194444442</v>
      </c>
    </row>
    <row r="79" spans="1:16" x14ac:dyDescent="0.4">
      <c r="A79">
        <v>3447</v>
      </c>
      <c r="B79">
        <v>157543</v>
      </c>
      <c r="C79" s="1">
        <v>42874</v>
      </c>
      <c r="D79">
        <v>157</v>
      </c>
      <c r="E79">
        <v>113</v>
      </c>
      <c r="F79" t="s">
        <v>59</v>
      </c>
      <c r="G79">
        <v>2</v>
      </c>
      <c r="H79">
        <v>550</v>
      </c>
      <c r="I79">
        <v>1</v>
      </c>
      <c r="J79">
        <v>0</v>
      </c>
      <c r="K79">
        <v>697251</v>
      </c>
      <c r="L79">
        <v>697252</v>
      </c>
      <c r="M79">
        <v>100</v>
      </c>
      <c r="N79" t="s">
        <v>1</v>
      </c>
      <c r="O79" s="1">
        <v>42874.783333333333</v>
      </c>
      <c r="P79" s="1">
        <v>42874.786111111112</v>
      </c>
    </row>
    <row r="80" spans="1:16" x14ac:dyDescent="0.4">
      <c r="A80">
        <v>3449</v>
      </c>
      <c r="B80">
        <v>157641</v>
      </c>
      <c r="C80" s="1">
        <v>42875</v>
      </c>
      <c r="D80">
        <v>97</v>
      </c>
      <c r="E80">
        <v>21</v>
      </c>
      <c r="F80" t="s">
        <v>6</v>
      </c>
      <c r="G80">
        <v>4</v>
      </c>
      <c r="H80">
        <v>420</v>
      </c>
      <c r="I80">
        <v>1</v>
      </c>
      <c r="J80">
        <v>0</v>
      </c>
      <c r="K80">
        <v>697737</v>
      </c>
      <c r="L80">
        <v>697738</v>
      </c>
      <c r="M80">
        <v>100</v>
      </c>
      <c r="N80" t="s">
        <v>1</v>
      </c>
      <c r="O80" s="1">
        <v>42875.845138888886</v>
      </c>
      <c r="P80" s="1">
        <v>42875.844444444447</v>
      </c>
    </row>
    <row r="81" spans="1:16" x14ac:dyDescent="0.4">
      <c r="A81">
        <v>3450</v>
      </c>
      <c r="B81">
        <v>157702</v>
      </c>
      <c r="C81" s="1">
        <v>42876</v>
      </c>
      <c r="D81">
        <v>125</v>
      </c>
      <c r="E81">
        <v>126</v>
      </c>
      <c r="F81" t="s">
        <v>8</v>
      </c>
      <c r="G81">
        <v>18</v>
      </c>
      <c r="H81">
        <v>380</v>
      </c>
      <c r="I81">
        <v>1</v>
      </c>
      <c r="J81">
        <v>0</v>
      </c>
      <c r="K81">
        <v>698004</v>
      </c>
      <c r="L81">
        <v>698005</v>
      </c>
      <c r="M81">
        <v>100</v>
      </c>
      <c r="N81" t="s">
        <v>1</v>
      </c>
      <c r="O81" s="1">
        <v>42876.494444444441</v>
      </c>
      <c r="P81" s="1">
        <v>42876.494444444441</v>
      </c>
    </row>
    <row r="82" spans="1:16" x14ac:dyDescent="0.4">
      <c r="A82">
        <v>3451</v>
      </c>
      <c r="B82">
        <v>157782</v>
      </c>
      <c r="C82" s="1">
        <v>42877</v>
      </c>
      <c r="D82">
        <v>142</v>
      </c>
      <c r="E82">
        <v>125</v>
      </c>
      <c r="F82" t="s">
        <v>31</v>
      </c>
      <c r="G82">
        <v>4</v>
      </c>
      <c r="H82">
        <v>350</v>
      </c>
      <c r="I82">
        <v>1</v>
      </c>
      <c r="J82">
        <v>0</v>
      </c>
      <c r="K82">
        <v>698404</v>
      </c>
      <c r="L82">
        <v>698405</v>
      </c>
      <c r="M82">
        <v>105</v>
      </c>
      <c r="O82" s="1">
        <v>42877.748611111114</v>
      </c>
      <c r="P82" s="1">
        <v>42877.754861111112</v>
      </c>
    </row>
    <row r="83" spans="1:16" x14ac:dyDescent="0.4">
      <c r="A83">
        <v>3461</v>
      </c>
      <c r="B83">
        <v>157859</v>
      </c>
      <c r="C83" s="1">
        <v>42878</v>
      </c>
      <c r="D83">
        <v>57</v>
      </c>
      <c r="E83">
        <v>30</v>
      </c>
      <c r="F83" t="s">
        <v>60</v>
      </c>
      <c r="G83">
        <v>9</v>
      </c>
      <c r="H83">
        <v>320</v>
      </c>
      <c r="I83">
        <v>1</v>
      </c>
      <c r="J83">
        <v>0</v>
      </c>
      <c r="K83">
        <v>698759</v>
      </c>
      <c r="L83">
        <v>698760</v>
      </c>
      <c r="M83">
        <v>1</v>
      </c>
      <c r="N83" t="s">
        <v>45</v>
      </c>
      <c r="O83" s="1">
        <v>42878.794444444444</v>
      </c>
      <c r="P83" s="1">
        <v>42878.882638888892</v>
      </c>
    </row>
    <row r="84" spans="1:16" x14ac:dyDescent="0.4">
      <c r="A84">
        <v>3471</v>
      </c>
      <c r="B84">
        <v>157924</v>
      </c>
      <c r="C84" s="1">
        <v>42879</v>
      </c>
      <c r="D84">
        <v>325</v>
      </c>
      <c r="E84">
        <v>1242</v>
      </c>
      <c r="F84" t="s">
        <v>61</v>
      </c>
      <c r="G84">
        <v>1</v>
      </c>
      <c r="H84">
        <v>650</v>
      </c>
      <c r="I84">
        <v>1</v>
      </c>
      <c r="J84">
        <v>0</v>
      </c>
      <c r="K84">
        <v>699027</v>
      </c>
      <c r="L84">
        <v>699028</v>
      </c>
      <c r="M84">
        <v>1</v>
      </c>
      <c r="N84" t="s">
        <v>45</v>
      </c>
      <c r="O84" s="1">
        <v>42880.057638888888</v>
      </c>
      <c r="P84" s="1">
        <v>42880.068749999999</v>
      </c>
    </row>
    <row r="85" spans="1:16" x14ac:dyDescent="0.4">
      <c r="A85">
        <v>3472</v>
      </c>
      <c r="B85">
        <v>157972</v>
      </c>
      <c r="C85" s="1">
        <v>42880</v>
      </c>
      <c r="D85">
        <v>144</v>
      </c>
      <c r="E85">
        <v>130</v>
      </c>
      <c r="F85" t="s">
        <v>42</v>
      </c>
      <c r="G85">
        <v>7</v>
      </c>
      <c r="H85">
        <v>200</v>
      </c>
      <c r="I85">
        <v>2</v>
      </c>
      <c r="J85">
        <v>1</v>
      </c>
      <c r="K85">
        <v>699199</v>
      </c>
      <c r="L85">
        <v>699200</v>
      </c>
      <c r="M85">
        <v>102</v>
      </c>
      <c r="N85" t="s">
        <v>27</v>
      </c>
      <c r="O85" s="1">
        <v>42880.871527777781</v>
      </c>
      <c r="P85" s="1">
        <v>42880.875</v>
      </c>
    </row>
    <row r="86" spans="1:16" x14ac:dyDescent="0.4">
      <c r="A86">
        <v>3474</v>
      </c>
      <c r="B86">
        <v>158033</v>
      </c>
      <c r="C86" s="1">
        <v>42881</v>
      </c>
      <c r="D86">
        <v>127</v>
      </c>
      <c r="E86">
        <v>136</v>
      </c>
      <c r="F86" t="s">
        <v>32</v>
      </c>
      <c r="G86">
        <v>3</v>
      </c>
      <c r="H86">
        <v>600</v>
      </c>
      <c r="I86">
        <v>1</v>
      </c>
      <c r="J86">
        <v>0</v>
      </c>
      <c r="K86">
        <v>699484</v>
      </c>
      <c r="L86">
        <v>699485</v>
      </c>
      <c r="M86">
        <v>100</v>
      </c>
      <c r="N86" t="s">
        <v>1</v>
      </c>
      <c r="O86" s="1">
        <v>42881.898611111108</v>
      </c>
      <c r="P86" s="1">
        <v>42881.919444444444</v>
      </c>
    </row>
    <row r="87" spans="1:16" x14ac:dyDescent="0.4">
      <c r="A87">
        <v>3476</v>
      </c>
      <c r="B87">
        <v>158140</v>
      </c>
      <c r="C87" s="1">
        <v>42882</v>
      </c>
      <c r="D87">
        <v>13</v>
      </c>
      <c r="E87">
        <v>112</v>
      </c>
      <c r="F87" t="s">
        <v>62</v>
      </c>
      <c r="G87">
        <v>18</v>
      </c>
      <c r="H87">
        <v>500</v>
      </c>
      <c r="I87">
        <v>1</v>
      </c>
      <c r="J87">
        <v>0</v>
      </c>
      <c r="K87">
        <v>700043</v>
      </c>
      <c r="L87">
        <v>700044</v>
      </c>
      <c r="M87">
        <v>91</v>
      </c>
      <c r="N87" t="s">
        <v>24</v>
      </c>
      <c r="O87" s="1">
        <v>42883.004861111112</v>
      </c>
      <c r="P87" s="1">
        <v>42883.007638888892</v>
      </c>
    </row>
    <row r="88" spans="1:16" x14ac:dyDescent="0.4">
      <c r="A88">
        <v>3478</v>
      </c>
      <c r="B88">
        <v>158175</v>
      </c>
      <c r="C88" s="1">
        <v>42883</v>
      </c>
      <c r="D88">
        <v>96</v>
      </c>
      <c r="E88">
        <v>20</v>
      </c>
      <c r="F88" t="s">
        <v>63</v>
      </c>
      <c r="G88">
        <v>1</v>
      </c>
      <c r="H88">
        <v>420</v>
      </c>
      <c r="I88">
        <v>2</v>
      </c>
      <c r="J88">
        <v>0</v>
      </c>
      <c r="K88">
        <v>700251</v>
      </c>
      <c r="L88">
        <v>700252</v>
      </c>
      <c r="M88">
        <v>100</v>
      </c>
      <c r="N88" t="s">
        <v>1</v>
      </c>
      <c r="O88" s="1">
        <v>42883.4375</v>
      </c>
      <c r="P88" s="1">
        <v>42883.440972222219</v>
      </c>
    </row>
    <row r="89" spans="1:16" x14ac:dyDescent="0.4">
      <c r="A89">
        <v>3480</v>
      </c>
      <c r="B89">
        <v>158279</v>
      </c>
      <c r="C89" s="1">
        <v>42884</v>
      </c>
      <c r="D89">
        <v>302</v>
      </c>
      <c r="E89">
        <v>14</v>
      </c>
      <c r="F89" t="s">
        <v>5</v>
      </c>
      <c r="G89">
        <v>2</v>
      </c>
      <c r="H89">
        <v>200</v>
      </c>
      <c r="I89">
        <v>3</v>
      </c>
      <c r="J89">
        <v>0</v>
      </c>
      <c r="K89">
        <v>700692</v>
      </c>
      <c r="L89">
        <v>700693</v>
      </c>
      <c r="M89">
        <v>1</v>
      </c>
      <c r="N89" t="s">
        <v>45</v>
      </c>
      <c r="O89" s="1">
        <v>42884.870833333334</v>
      </c>
      <c r="P89" s="1">
        <v>42884.872916666667</v>
      </c>
    </row>
    <row r="90" spans="1:16" x14ac:dyDescent="0.4">
      <c r="A90">
        <v>3482</v>
      </c>
      <c r="B90">
        <v>158472</v>
      </c>
      <c r="C90" s="1">
        <v>42888</v>
      </c>
      <c r="D90">
        <v>57</v>
      </c>
      <c r="E90">
        <v>30</v>
      </c>
      <c r="F90" t="s">
        <v>60</v>
      </c>
      <c r="G90">
        <v>6</v>
      </c>
      <c r="H90">
        <v>0</v>
      </c>
      <c r="I90">
        <v>5</v>
      </c>
      <c r="J90">
        <v>0</v>
      </c>
      <c r="K90">
        <v>701498</v>
      </c>
      <c r="L90">
        <v>701499</v>
      </c>
      <c r="M90">
        <v>100</v>
      </c>
      <c r="N90" t="s">
        <v>1</v>
      </c>
      <c r="O90" s="1">
        <v>42888.880555555559</v>
      </c>
      <c r="P90" s="1">
        <v>42888.880555555559</v>
      </c>
    </row>
    <row r="91" spans="1:16" x14ac:dyDescent="0.4">
      <c r="A91">
        <v>3490</v>
      </c>
      <c r="B91">
        <v>158523</v>
      </c>
      <c r="C91" s="1">
        <v>42889</v>
      </c>
      <c r="D91">
        <v>280</v>
      </c>
      <c r="E91">
        <v>1266</v>
      </c>
      <c r="F91" t="s">
        <v>13</v>
      </c>
      <c r="G91">
        <v>12</v>
      </c>
      <c r="H91">
        <v>680</v>
      </c>
      <c r="I91">
        <v>1</v>
      </c>
      <c r="J91">
        <v>0</v>
      </c>
      <c r="K91">
        <v>701849</v>
      </c>
      <c r="L91">
        <v>701850</v>
      </c>
      <c r="M91">
        <v>96</v>
      </c>
      <c r="N91" t="s">
        <v>7</v>
      </c>
      <c r="O91" s="1">
        <v>42889.462500000001</v>
      </c>
      <c r="P91" s="1">
        <v>42889.556944444441</v>
      </c>
    </row>
    <row r="92" spans="1:16" x14ac:dyDescent="0.4">
      <c r="A92">
        <v>3494</v>
      </c>
      <c r="B92">
        <v>158630</v>
      </c>
      <c r="C92" s="1">
        <v>42890</v>
      </c>
      <c r="D92">
        <v>96</v>
      </c>
      <c r="E92">
        <v>20</v>
      </c>
      <c r="F92" t="s">
        <v>63</v>
      </c>
      <c r="G92">
        <v>17</v>
      </c>
      <c r="H92">
        <v>420</v>
      </c>
      <c r="I92">
        <v>1</v>
      </c>
      <c r="J92">
        <v>0</v>
      </c>
      <c r="K92">
        <v>702356</v>
      </c>
      <c r="L92">
        <v>702357</v>
      </c>
      <c r="M92">
        <v>16</v>
      </c>
      <c r="N92" t="s">
        <v>64</v>
      </c>
      <c r="O92" s="1">
        <v>42890.665972222225</v>
      </c>
      <c r="P92" s="1">
        <v>42890.666666666664</v>
      </c>
    </row>
    <row r="93" spans="1:16" x14ac:dyDescent="0.4">
      <c r="A93">
        <v>3497</v>
      </c>
      <c r="B93">
        <v>158811</v>
      </c>
      <c r="C93" s="1">
        <v>42893</v>
      </c>
      <c r="D93">
        <v>73</v>
      </c>
      <c r="E93">
        <v>54</v>
      </c>
      <c r="F93" t="s">
        <v>36</v>
      </c>
      <c r="G93">
        <v>7</v>
      </c>
      <c r="H93">
        <v>0</v>
      </c>
      <c r="I93">
        <v>1</v>
      </c>
      <c r="J93">
        <v>0</v>
      </c>
      <c r="K93">
        <v>703089</v>
      </c>
      <c r="L93">
        <v>703090</v>
      </c>
      <c r="M93">
        <v>103</v>
      </c>
      <c r="N93" t="s">
        <v>65</v>
      </c>
      <c r="O93" s="1">
        <v>42893.852083333331</v>
      </c>
      <c r="P93" s="1">
        <v>42893.852777777778</v>
      </c>
    </row>
    <row r="94" spans="1:16" x14ac:dyDescent="0.4">
      <c r="A94">
        <v>3499</v>
      </c>
      <c r="B94">
        <v>158870</v>
      </c>
      <c r="C94" s="1">
        <v>42894</v>
      </c>
      <c r="D94">
        <v>147</v>
      </c>
      <c r="E94">
        <v>1131</v>
      </c>
      <c r="F94" t="s">
        <v>21</v>
      </c>
      <c r="G94">
        <v>1</v>
      </c>
      <c r="H94">
        <v>450</v>
      </c>
      <c r="I94">
        <v>1</v>
      </c>
      <c r="J94">
        <v>0</v>
      </c>
      <c r="K94">
        <v>703353</v>
      </c>
      <c r="L94">
        <v>703354</v>
      </c>
      <c r="M94">
        <v>74</v>
      </c>
      <c r="N94" t="s">
        <v>56</v>
      </c>
      <c r="O94" s="1">
        <v>42895.054861111108</v>
      </c>
      <c r="P94" s="1">
        <v>42895.060416666667</v>
      </c>
    </row>
    <row r="95" spans="1:16" x14ac:dyDescent="0.4">
      <c r="A95">
        <v>3500</v>
      </c>
      <c r="B95">
        <v>159004</v>
      </c>
      <c r="C95" s="1">
        <v>42896</v>
      </c>
      <c r="D95">
        <v>301</v>
      </c>
      <c r="E95">
        <v>1430</v>
      </c>
      <c r="F95" t="s">
        <v>19</v>
      </c>
      <c r="G95">
        <v>13</v>
      </c>
      <c r="H95">
        <v>420</v>
      </c>
      <c r="I95">
        <v>1</v>
      </c>
      <c r="J95">
        <v>0</v>
      </c>
      <c r="K95">
        <v>704010</v>
      </c>
      <c r="L95">
        <v>704011</v>
      </c>
      <c r="M95">
        <v>91</v>
      </c>
      <c r="N95" t="s">
        <v>24</v>
      </c>
      <c r="O95" s="1">
        <v>42896.938888888886</v>
      </c>
      <c r="P95" s="1">
        <v>42896.941666666666</v>
      </c>
    </row>
    <row r="96" spans="1:16" x14ac:dyDescent="0.4">
      <c r="A96">
        <v>3502</v>
      </c>
      <c r="B96">
        <v>159126</v>
      </c>
      <c r="C96" s="1">
        <v>42897</v>
      </c>
      <c r="D96">
        <v>147</v>
      </c>
      <c r="E96">
        <v>1131</v>
      </c>
      <c r="F96" t="s">
        <v>21</v>
      </c>
      <c r="G96">
        <v>20</v>
      </c>
      <c r="H96">
        <v>450</v>
      </c>
      <c r="I96">
        <v>1</v>
      </c>
      <c r="J96">
        <v>0</v>
      </c>
      <c r="K96">
        <v>704515</v>
      </c>
      <c r="L96">
        <v>704516</v>
      </c>
      <c r="M96">
        <v>89</v>
      </c>
      <c r="N96" t="s">
        <v>44</v>
      </c>
      <c r="O96" s="1">
        <v>42898.072916666664</v>
      </c>
      <c r="P96" s="1">
        <v>42898.09097222222</v>
      </c>
    </row>
    <row r="97" spans="1:16" x14ac:dyDescent="0.4">
      <c r="A97">
        <v>3503</v>
      </c>
      <c r="B97">
        <v>159164</v>
      </c>
      <c r="C97" s="1">
        <v>42898</v>
      </c>
      <c r="D97">
        <v>97</v>
      </c>
      <c r="E97">
        <v>21</v>
      </c>
      <c r="F97" t="s">
        <v>6</v>
      </c>
      <c r="G97">
        <v>11</v>
      </c>
      <c r="H97">
        <v>420</v>
      </c>
      <c r="I97">
        <v>2</v>
      </c>
      <c r="J97">
        <v>0</v>
      </c>
      <c r="K97">
        <v>704630</v>
      </c>
      <c r="L97">
        <v>704631</v>
      </c>
      <c r="M97">
        <v>96</v>
      </c>
      <c r="N97" t="s">
        <v>7</v>
      </c>
      <c r="O97" s="1">
        <v>42898.725694444445</v>
      </c>
      <c r="P97" s="1">
        <v>42898.730555555558</v>
      </c>
    </row>
    <row r="98" spans="1:16" x14ac:dyDescent="0.4">
      <c r="A98">
        <v>3505</v>
      </c>
      <c r="B98">
        <v>159268</v>
      </c>
      <c r="C98" s="1">
        <v>42900</v>
      </c>
      <c r="D98">
        <v>125</v>
      </c>
      <c r="E98">
        <v>126</v>
      </c>
      <c r="F98" t="s">
        <v>8</v>
      </c>
      <c r="G98">
        <v>11</v>
      </c>
      <c r="H98">
        <v>380</v>
      </c>
      <c r="I98">
        <v>1</v>
      </c>
      <c r="J98">
        <v>0</v>
      </c>
      <c r="K98">
        <v>705029</v>
      </c>
      <c r="L98">
        <v>705030</v>
      </c>
      <c r="M98">
        <v>103</v>
      </c>
      <c r="N98" t="s">
        <v>65</v>
      </c>
      <c r="O98" s="1">
        <v>42900.790972222225</v>
      </c>
      <c r="P98" s="1">
        <v>42900.793749999997</v>
      </c>
    </row>
    <row r="99" spans="1:16" x14ac:dyDescent="0.4">
      <c r="A99">
        <v>3507</v>
      </c>
      <c r="B99">
        <v>159297</v>
      </c>
      <c r="C99" s="1">
        <v>42901</v>
      </c>
      <c r="D99">
        <v>126</v>
      </c>
      <c r="E99">
        <v>138</v>
      </c>
      <c r="F99" t="s">
        <v>66</v>
      </c>
      <c r="G99">
        <v>19</v>
      </c>
      <c r="H99">
        <v>380</v>
      </c>
      <c r="I99">
        <v>1</v>
      </c>
      <c r="J99">
        <v>0</v>
      </c>
      <c r="K99">
        <v>705160</v>
      </c>
      <c r="L99">
        <v>705161</v>
      </c>
      <c r="M99">
        <v>96</v>
      </c>
      <c r="N99" t="s">
        <v>7</v>
      </c>
      <c r="O99" s="1">
        <v>42901.51666666667</v>
      </c>
      <c r="P99" s="1">
        <v>42901.518055555556</v>
      </c>
    </row>
    <row r="100" spans="1:16" x14ac:dyDescent="0.4">
      <c r="A100">
        <v>3370</v>
      </c>
      <c r="B100">
        <v>153787</v>
      </c>
      <c r="C100" s="1">
        <v>42820</v>
      </c>
      <c r="D100">
        <v>10</v>
      </c>
      <c r="E100">
        <v>102</v>
      </c>
      <c r="F100" t="s">
        <v>2</v>
      </c>
      <c r="G100">
        <v>9</v>
      </c>
      <c r="H100">
        <v>420</v>
      </c>
      <c r="I100">
        <v>2</v>
      </c>
      <c r="J100">
        <v>0</v>
      </c>
      <c r="K100">
        <v>680322</v>
      </c>
      <c r="L100">
        <v>680323</v>
      </c>
      <c r="M100">
        <v>97</v>
      </c>
      <c r="N100" t="s">
        <v>17</v>
      </c>
      <c r="O100" s="1">
        <v>42820.715277777781</v>
      </c>
      <c r="P100" s="1">
        <v>42820.724305555559</v>
      </c>
    </row>
    <row r="101" spans="1:16" x14ac:dyDescent="0.4">
      <c r="A101">
        <v>3508</v>
      </c>
      <c r="B101">
        <v>159390</v>
      </c>
      <c r="C101" s="1">
        <v>42902</v>
      </c>
      <c r="D101">
        <v>144</v>
      </c>
      <c r="E101">
        <v>130</v>
      </c>
      <c r="F101" t="s">
        <v>42</v>
      </c>
      <c r="G101">
        <v>3</v>
      </c>
      <c r="H101">
        <v>200</v>
      </c>
      <c r="I101">
        <v>1</v>
      </c>
      <c r="J101">
        <v>0</v>
      </c>
      <c r="K101">
        <v>705509</v>
      </c>
      <c r="L101">
        <v>705510</v>
      </c>
      <c r="M101">
        <v>1</v>
      </c>
      <c r="N101" t="s">
        <v>45</v>
      </c>
      <c r="O101" s="1">
        <v>42902.844444444447</v>
      </c>
      <c r="P101" s="1">
        <v>42902.85</v>
      </c>
    </row>
    <row r="102" spans="1:16" x14ac:dyDescent="0.4">
      <c r="A102">
        <v>3509</v>
      </c>
      <c r="B102">
        <v>159528</v>
      </c>
      <c r="C102" s="1">
        <v>42903</v>
      </c>
      <c r="D102">
        <v>57</v>
      </c>
      <c r="E102">
        <v>30</v>
      </c>
      <c r="F102" t="s">
        <v>60</v>
      </c>
      <c r="G102">
        <v>14</v>
      </c>
      <c r="H102">
        <v>320</v>
      </c>
      <c r="I102">
        <v>1</v>
      </c>
      <c r="J102">
        <v>0</v>
      </c>
      <c r="K102">
        <v>706204</v>
      </c>
      <c r="L102">
        <v>706205</v>
      </c>
      <c r="M102">
        <v>89</v>
      </c>
      <c r="N102" t="s">
        <v>44</v>
      </c>
      <c r="O102" s="1">
        <v>42904.041666666664</v>
      </c>
      <c r="P102" s="1">
        <v>42904.052083333336</v>
      </c>
    </row>
    <row r="103" spans="1:16" x14ac:dyDescent="0.4">
      <c r="A103">
        <v>3516</v>
      </c>
      <c r="B103">
        <v>159661</v>
      </c>
      <c r="C103" s="1">
        <v>42905</v>
      </c>
      <c r="D103">
        <v>75</v>
      </c>
      <c r="E103">
        <v>56</v>
      </c>
      <c r="F103" t="s">
        <v>49</v>
      </c>
      <c r="G103">
        <v>1</v>
      </c>
      <c r="H103">
        <v>400</v>
      </c>
      <c r="I103">
        <v>2</v>
      </c>
      <c r="J103">
        <v>0</v>
      </c>
      <c r="K103">
        <v>706824</v>
      </c>
      <c r="L103">
        <v>706825</v>
      </c>
      <c r="M103">
        <v>89</v>
      </c>
      <c r="N103" t="s">
        <v>44</v>
      </c>
      <c r="O103" s="1">
        <v>42905.874305555553</v>
      </c>
      <c r="P103" s="1">
        <v>42905.875694444447</v>
      </c>
    </row>
    <row r="104" spans="1:16" x14ac:dyDescent="0.4">
      <c r="A104">
        <v>3517</v>
      </c>
      <c r="B104">
        <v>159776</v>
      </c>
      <c r="C104" s="1">
        <v>42908</v>
      </c>
      <c r="D104">
        <v>157</v>
      </c>
      <c r="E104">
        <v>113</v>
      </c>
      <c r="F104" t="s">
        <v>59</v>
      </c>
      <c r="G104">
        <v>1</v>
      </c>
      <c r="H104">
        <v>550</v>
      </c>
      <c r="I104">
        <v>1</v>
      </c>
      <c r="J104">
        <v>0</v>
      </c>
      <c r="K104">
        <v>707309</v>
      </c>
      <c r="L104">
        <v>707310</v>
      </c>
      <c r="M104">
        <v>96</v>
      </c>
      <c r="N104" t="s">
        <v>7</v>
      </c>
      <c r="O104" s="1">
        <v>42908.537499999999</v>
      </c>
      <c r="P104" s="1">
        <v>42908.541666666664</v>
      </c>
    </row>
    <row r="105" spans="1:16" x14ac:dyDescent="0.4">
      <c r="A105">
        <v>3518</v>
      </c>
      <c r="B105">
        <v>159867</v>
      </c>
      <c r="C105" s="1">
        <v>42909</v>
      </c>
      <c r="D105">
        <v>323</v>
      </c>
      <c r="E105">
        <v>49</v>
      </c>
      <c r="F105" t="s">
        <v>67</v>
      </c>
      <c r="G105">
        <v>7</v>
      </c>
      <c r="H105">
        <v>480</v>
      </c>
      <c r="I105">
        <v>1</v>
      </c>
      <c r="J105">
        <v>0</v>
      </c>
      <c r="K105">
        <v>707655</v>
      </c>
      <c r="L105">
        <v>707656</v>
      </c>
      <c r="M105">
        <v>94</v>
      </c>
      <c r="N105" t="s">
        <v>68</v>
      </c>
      <c r="O105" s="1">
        <v>42909.879166666666</v>
      </c>
      <c r="P105" s="1">
        <v>42909.878472222219</v>
      </c>
    </row>
    <row r="106" spans="1:16" x14ac:dyDescent="0.4">
      <c r="A106">
        <v>3519</v>
      </c>
      <c r="B106">
        <v>159989</v>
      </c>
      <c r="C106" s="1">
        <v>42910</v>
      </c>
      <c r="D106">
        <v>280</v>
      </c>
      <c r="E106">
        <v>1266</v>
      </c>
      <c r="F106" t="s">
        <v>13</v>
      </c>
      <c r="G106">
        <v>15</v>
      </c>
      <c r="H106">
        <v>680</v>
      </c>
      <c r="I106">
        <v>2</v>
      </c>
      <c r="J106">
        <v>0</v>
      </c>
      <c r="K106">
        <v>708396</v>
      </c>
      <c r="L106">
        <v>708397</v>
      </c>
      <c r="M106">
        <v>91</v>
      </c>
      <c r="N106" t="s">
        <v>24</v>
      </c>
      <c r="O106" s="1">
        <v>42911.022916666669</v>
      </c>
      <c r="P106" s="1">
        <v>42911.088888888888</v>
      </c>
    </row>
    <row r="107" spans="1:16" x14ac:dyDescent="0.4">
      <c r="A107">
        <v>3521</v>
      </c>
      <c r="B107">
        <v>160013</v>
      </c>
      <c r="C107" s="1">
        <v>42911</v>
      </c>
      <c r="D107">
        <v>163</v>
      </c>
      <c r="E107">
        <v>104</v>
      </c>
      <c r="F107" t="s">
        <v>69</v>
      </c>
      <c r="G107">
        <v>14</v>
      </c>
      <c r="H107">
        <v>500</v>
      </c>
      <c r="I107">
        <v>1</v>
      </c>
      <c r="J107">
        <v>0</v>
      </c>
      <c r="K107">
        <v>708500</v>
      </c>
      <c r="L107">
        <v>708501</v>
      </c>
      <c r="M107">
        <v>100</v>
      </c>
      <c r="N107" t="s">
        <v>1</v>
      </c>
      <c r="O107" s="1">
        <v>42911.490277777775</v>
      </c>
      <c r="P107" s="1">
        <v>42911.495833333334</v>
      </c>
    </row>
    <row r="108" spans="1:16" x14ac:dyDescent="0.4">
      <c r="A108">
        <v>3526</v>
      </c>
      <c r="B108">
        <v>160154</v>
      </c>
      <c r="C108" s="1">
        <v>42913</v>
      </c>
      <c r="D108">
        <v>97</v>
      </c>
      <c r="E108">
        <v>21</v>
      </c>
      <c r="F108" t="s">
        <v>6</v>
      </c>
      <c r="G108">
        <v>13</v>
      </c>
      <c r="H108">
        <v>420</v>
      </c>
      <c r="I108">
        <v>1</v>
      </c>
      <c r="J108">
        <v>0</v>
      </c>
      <c r="K108">
        <v>709180</v>
      </c>
      <c r="L108">
        <v>709181</v>
      </c>
      <c r="M108">
        <v>41</v>
      </c>
      <c r="O108" s="1">
        <v>42913.549305555556</v>
      </c>
      <c r="P108" s="1">
        <v>42913.588194444441</v>
      </c>
    </row>
    <row r="109" spans="1:16" x14ac:dyDescent="0.4">
      <c r="A109">
        <v>3528</v>
      </c>
      <c r="B109">
        <v>160247</v>
      </c>
      <c r="C109" s="1">
        <v>42914</v>
      </c>
      <c r="D109">
        <v>287</v>
      </c>
      <c r="E109">
        <v>47</v>
      </c>
      <c r="F109" t="s">
        <v>70</v>
      </c>
      <c r="G109">
        <v>4</v>
      </c>
      <c r="H109">
        <v>480</v>
      </c>
      <c r="I109">
        <v>1</v>
      </c>
      <c r="J109">
        <v>0</v>
      </c>
      <c r="K109">
        <v>709528</v>
      </c>
      <c r="L109">
        <v>709529</v>
      </c>
      <c r="M109">
        <v>89</v>
      </c>
      <c r="N109" t="s">
        <v>44</v>
      </c>
      <c r="O109" s="1">
        <v>42914.850694444445</v>
      </c>
      <c r="P109" s="1">
        <v>42914.867361111108</v>
      </c>
    </row>
    <row r="110" spans="1:16" x14ac:dyDescent="0.4">
      <c r="A110">
        <v>3532</v>
      </c>
      <c r="B110">
        <v>160304</v>
      </c>
      <c r="C110" s="1">
        <v>42915</v>
      </c>
      <c r="D110">
        <v>84</v>
      </c>
      <c r="E110">
        <v>65</v>
      </c>
      <c r="F110" t="s">
        <v>71</v>
      </c>
      <c r="G110">
        <v>6</v>
      </c>
      <c r="H110">
        <v>0</v>
      </c>
      <c r="I110">
        <v>1</v>
      </c>
      <c r="J110">
        <v>0</v>
      </c>
      <c r="K110">
        <v>709749</v>
      </c>
      <c r="L110">
        <v>709750</v>
      </c>
      <c r="M110">
        <v>102</v>
      </c>
      <c r="N110" t="s">
        <v>27</v>
      </c>
      <c r="O110" s="1">
        <v>42915.90902777778</v>
      </c>
      <c r="P110" s="1">
        <v>42915.90902777778</v>
      </c>
    </row>
    <row r="111" spans="1:16" x14ac:dyDescent="0.4">
      <c r="A111">
        <v>3534</v>
      </c>
      <c r="B111">
        <v>160394</v>
      </c>
      <c r="C111" s="1">
        <v>42916</v>
      </c>
      <c r="D111">
        <v>88</v>
      </c>
      <c r="E111">
        <v>69</v>
      </c>
      <c r="F111" t="s">
        <v>55</v>
      </c>
      <c r="G111">
        <v>16</v>
      </c>
      <c r="H111">
        <v>400</v>
      </c>
      <c r="I111">
        <v>1</v>
      </c>
      <c r="J111">
        <v>0</v>
      </c>
      <c r="K111">
        <v>710285</v>
      </c>
      <c r="L111">
        <v>710286</v>
      </c>
      <c r="M111">
        <v>94</v>
      </c>
      <c r="N111" t="s">
        <v>68</v>
      </c>
      <c r="O111" s="1">
        <v>42917.172222222223</v>
      </c>
      <c r="P111" s="1">
        <v>42917.254166666666</v>
      </c>
    </row>
    <row r="112" spans="1:16" x14ac:dyDescent="0.4">
      <c r="A112">
        <v>3535</v>
      </c>
      <c r="B112">
        <v>160412</v>
      </c>
      <c r="C112" s="1">
        <v>42917</v>
      </c>
      <c r="D112">
        <v>9</v>
      </c>
      <c r="E112">
        <v>101</v>
      </c>
      <c r="F112" t="s">
        <v>54</v>
      </c>
      <c r="G112">
        <v>19</v>
      </c>
      <c r="H112">
        <v>420</v>
      </c>
      <c r="I112">
        <v>1</v>
      </c>
      <c r="J112">
        <v>0</v>
      </c>
      <c r="K112">
        <v>710318</v>
      </c>
      <c r="L112">
        <v>710319</v>
      </c>
      <c r="M112">
        <v>96</v>
      </c>
      <c r="N112" t="s">
        <v>7</v>
      </c>
      <c r="O112" s="1">
        <v>42917.478472222225</v>
      </c>
      <c r="P112" s="1">
        <v>42917.484027777777</v>
      </c>
    </row>
    <row r="113" spans="1:16" x14ac:dyDescent="0.4">
      <c r="A113">
        <v>3537</v>
      </c>
      <c r="B113">
        <v>160968</v>
      </c>
      <c r="C113" s="1">
        <v>42924</v>
      </c>
      <c r="D113">
        <v>202</v>
      </c>
      <c r="E113">
        <v>6550</v>
      </c>
      <c r="F113" t="s">
        <v>72</v>
      </c>
      <c r="G113">
        <v>4</v>
      </c>
      <c r="H113">
        <v>320</v>
      </c>
      <c r="I113">
        <v>2</v>
      </c>
      <c r="J113">
        <v>1</v>
      </c>
      <c r="K113">
        <v>712700</v>
      </c>
      <c r="L113">
        <v>712701</v>
      </c>
      <c r="M113">
        <v>1</v>
      </c>
      <c r="N113" t="s">
        <v>45</v>
      </c>
      <c r="O113" s="1">
        <v>42925.019444444442</v>
      </c>
      <c r="P113" s="1">
        <v>42925.019444444442</v>
      </c>
    </row>
    <row r="114" spans="1:16" x14ac:dyDescent="0.4">
      <c r="A114">
        <v>3538</v>
      </c>
      <c r="B114">
        <v>161066</v>
      </c>
      <c r="C114" s="1">
        <v>42926</v>
      </c>
      <c r="D114">
        <v>11</v>
      </c>
      <c r="E114">
        <v>110</v>
      </c>
      <c r="F114" t="s">
        <v>73</v>
      </c>
      <c r="G114">
        <v>7</v>
      </c>
      <c r="H114">
        <v>500</v>
      </c>
      <c r="I114">
        <v>2</v>
      </c>
      <c r="J114">
        <v>1</v>
      </c>
      <c r="K114">
        <v>713154</v>
      </c>
      <c r="L114">
        <v>713155</v>
      </c>
      <c r="M114">
        <v>96</v>
      </c>
      <c r="N114" t="s">
        <v>7</v>
      </c>
      <c r="O114" s="1">
        <v>42926.647916666669</v>
      </c>
      <c r="P114" s="1">
        <v>42926.665972222225</v>
      </c>
    </row>
    <row r="115" spans="1:16" x14ac:dyDescent="0.4">
      <c r="A115">
        <v>3539</v>
      </c>
      <c r="B115">
        <v>161328</v>
      </c>
      <c r="C115" s="1">
        <v>42930</v>
      </c>
      <c r="D115">
        <v>145</v>
      </c>
      <c r="E115">
        <v>132</v>
      </c>
      <c r="F115" t="s">
        <v>74</v>
      </c>
      <c r="G115">
        <v>3</v>
      </c>
      <c r="H115">
        <v>300</v>
      </c>
      <c r="I115">
        <v>1</v>
      </c>
      <c r="J115">
        <v>0</v>
      </c>
      <c r="K115">
        <v>714274</v>
      </c>
      <c r="L115">
        <v>714275</v>
      </c>
      <c r="M115">
        <v>1</v>
      </c>
      <c r="N115" t="s">
        <v>45</v>
      </c>
      <c r="O115" s="1">
        <v>42931.1</v>
      </c>
      <c r="P115" s="1">
        <v>42931.109722222223</v>
      </c>
    </row>
    <row r="116" spans="1:16" x14ac:dyDescent="0.4">
      <c r="A116">
        <v>3541</v>
      </c>
      <c r="B116">
        <v>161408</v>
      </c>
      <c r="C116" s="1">
        <v>42931</v>
      </c>
      <c r="D116">
        <v>186</v>
      </c>
      <c r="E116">
        <v>225</v>
      </c>
      <c r="F116" t="s">
        <v>34</v>
      </c>
      <c r="G116">
        <v>17</v>
      </c>
      <c r="H116">
        <v>350</v>
      </c>
      <c r="I116">
        <v>1</v>
      </c>
      <c r="J116">
        <v>0</v>
      </c>
      <c r="K116">
        <v>714636</v>
      </c>
      <c r="L116">
        <v>714637</v>
      </c>
      <c r="M116">
        <v>16</v>
      </c>
      <c r="N116" t="s">
        <v>64</v>
      </c>
      <c r="O116" s="1">
        <v>42931.954861111109</v>
      </c>
      <c r="P116" s="1">
        <v>42931.955555555556</v>
      </c>
    </row>
    <row r="117" spans="1:16" x14ac:dyDescent="0.4">
      <c r="A117">
        <v>3545</v>
      </c>
      <c r="B117">
        <v>161491</v>
      </c>
      <c r="C117" s="1">
        <v>42932</v>
      </c>
      <c r="D117">
        <v>75</v>
      </c>
      <c r="E117">
        <v>56</v>
      </c>
      <c r="F117" t="s">
        <v>49</v>
      </c>
      <c r="G117">
        <v>4</v>
      </c>
      <c r="H117">
        <v>400</v>
      </c>
      <c r="I117">
        <v>1</v>
      </c>
      <c r="J117">
        <v>0</v>
      </c>
      <c r="K117">
        <v>714984</v>
      </c>
      <c r="L117">
        <v>714985</v>
      </c>
      <c r="M117">
        <v>102</v>
      </c>
      <c r="N117" t="s">
        <v>27</v>
      </c>
      <c r="O117" s="1">
        <v>42932.772916666669</v>
      </c>
      <c r="P117" s="1">
        <v>42932.773611111108</v>
      </c>
    </row>
    <row r="118" spans="1:16" x14ac:dyDescent="0.4">
      <c r="A118">
        <v>3549</v>
      </c>
      <c r="B118">
        <v>161545</v>
      </c>
      <c r="C118" s="1">
        <v>42933</v>
      </c>
      <c r="D118">
        <v>96</v>
      </c>
      <c r="E118">
        <v>20</v>
      </c>
      <c r="F118" t="s">
        <v>63</v>
      </c>
      <c r="G118">
        <v>20</v>
      </c>
      <c r="H118">
        <v>420</v>
      </c>
      <c r="I118">
        <v>2</v>
      </c>
      <c r="J118">
        <v>0</v>
      </c>
      <c r="K118">
        <v>715264</v>
      </c>
      <c r="L118">
        <v>715265</v>
      </c>
      <c r="M118">
        <v>96</v>
      </c>
      <c r="N118" t="s">
        <v>7</v>
      </c>
      <c r="O118" s="1">
        <v>42933.438888888886</v>
      </c>
      <c r="P118" s="1">
        <v>42933.446527777778</v>
      </c>
    </row>
    <row r="119" spans="1:16" x14ac:dyDescent="0.4">
      <c r="A119">
        <v>3550</v>
      </c>
      <c r="B119">
        <v>161645</v>
      </c>
      <c r="C119" s="1">
        <v>42934</v>
      </c>
      <c r="D119">
        <v>274</v>
      </c>
      <c r="E119">
        <v>46</v>
      </c>
      <c r="F119" t="s">
        <v>75</v>
      </c>
      <c r="G119">
        <v>3</v>
      </c>
      <c r="H119">
        <v>480</v>
      </c>
      <c r="I119">
        <v>1</v>
      </c>
      <c r="J119">
        <v>0</v>
      </c>
      <c r="K119">
        <v>715654</v>
      </c>
      <c r="L119">
        <v>715655</v>
      </c>
      <c r="M119">
        <v>93</v>
      </c>
      <c r="N119" t="s">
        <v>76</v>
      </c>
      <c r="O119" s="1">
        <v>42934.862500000003</v>
      </c>
      <c r="P119" s="1">
        <v>42934.863888888889</v>
      </c>
    </row>
    <row r="120" spans="1:16" x14ac:dyDescent="0.4">
      <c r="A120">
        <v>3555</v>
      </c>
      <c r="B120">
        <v>161698</v>
      </c>
      <c r="C120" s="1">
        <v>42935</v>
      </c>
      <c r="D120">
        <v>142</v>
      </c>
      <c r="E120">
        <v>125</v>
      </c>
      <c r="F120" t="s">
        <v>31</v>
      </c>
      <c r="G120">
        <v>3</v>
      </c>
      <c r="H120">
        <v>350</v>
      </c>
      <c r="I120">
        <v>1</v>
      </c>
      <c r="J120">
        <v>0</v>
      </c>
      <c r="K120">
        <v>715855</v>
      </c>
      <c r="L120">
        <v>715856</v>
      </c>
      <c r="M120">
        <v>96</v>
      </c>
      <c r="N120" t="s">
        <v>7</v>
      </c>
      <c r="O120" s="1">
        <v>42935.73333333333</v>
      </c>
      <c r="P120" s="1">
        <v>42935.738194444442</v>
      </c>
    </row>
    <row r="121" spans="1:16" x14ac:dyDescent="0.4">
      <c r="A121">
        <v>3557</v>
      </c>
      <c r="B121">
        <v>161776</v>
      </c>
      <c r="C121" s="1">
        <v>42936</v>
      </c>
      <c r="D121">
        <v>72</v>
      </c>
      <c r="E121">
        <v>53</v>
      </c>
      <c r="F121" t="s">
        <v>77</v>
      </c>
      <c r="G121">
        <v>2</v>
      </c>
      <c r="H121">
        <v>400</v>
      </c>
      <c r="I121">
        <v>2</v>
      </c>
      <c r="J121">
        <v>0</v>
      </c>
      <c r="K121">
        <v>716190</v>
      </c>
      <c r="L121">
        <v>716191</v>
      </c>
      <c r="M121">
        <v>70</v>
      </c>
      <c r="N121" t="s">
        <v>78</v>
      </c>
      <c r="O121" s="1">
        <v>42936.895138888889</v>
      </c>
      <c r="P121" s="1">
        <v>42936.895138888889</v>
      </c>
    </row>
    <row r="122" spans="1:16" x14ac:dyDescent="0.4">
      <c r="A122">
        <v>3559</v>
      </c>
      <c r="B122">
        <v>161846</v>
      </c>
      <c r="C122" s="1">
        <v>42937</v>
      </c>
      <c r="D122">
        <v>163</v>
      </c>
      <c r="E122">
        <v>104</v>
      </c>
      <c r="F122" t="s">
        <v>69</v>
      </c>
      <c r="G122">
        <v>14</v>
      </c>
      <c r="H122">
        <v>500</v>
      </c>
      <c r="I122">
        <v>1</v>
      </c>
      <c r="J122">
        <v>0</v>
      </c>
      <c r="K122">
        <v>716536</v>
      </c>
      <c r="L122">
        <v>716537</v>
      </c>
      <c r="M122">
        <v>84</v>
      </c>
      <c r="N122" t="s">
        <v>79</v>
      </c>
      <c r="O122" s="1">
        <v>42937.845833333333</v>
      </c>
      <c r="P122" s="1">
        <v>42937.863194444442</v>
      </c>
    </row>
    <row r="123" spans="1:16" x14ac:dyDescent="0.4">
      <c r="A123">
        <v>3563</v>
      </c>
      <c r="B123">
        <v>161989</v>
      </c>
      <c r="C123" s="1">
        <v>42938</v>
      </c>
      <c r="D123">
        <v>280</v>
      </c>
      <c r="E123">
        <v>1266</v>
      </c>
      <c r="F123" t="s">
        <v>13</v>
      </c>
      <c r="G123">
        <v>1</v>
      </c>
      <c r="H123">
        <v>680</v>
      </c>
      <c r="I123">
        <v>1</v>
      </c>
      <c r="J123">
        <v>0</v>
      </c>
      <c r="K123">
        <v>717345</v>
      </c>
      <c r="L123">
        <v>717346</v>
      </c>
      <c r="M123">
        <v>100</v>
      </c>
      <c r="N123" t="s">
        <v>1</v>
      </c>
      <c r="O123" s="1">
        <v>42938.984027777777</v>
      </c>
      <c r="P123" s="1">
        <v>42939.248611111114</v>
      </c>
    </row>
    <row r="124" spans="1:16" x14ac:dyDescent="0.4">
      <c r="A124">
        <v>3564</v>
      </c>
      <c r="B124">
        <v>162057</v>
      </c>
      <c r="C124" s="1">
        <v>42939</v>
      </c>
      <c r="D124">
        <v>125</v>
      </c>
      <c r="E124">
        <v>126</v>
      </c>
      <c r="F124" t="s">
        <v>8</v>
      </c>
      <c r="G124">
        <v>12</v>
      </c>
      <c r="H124">
        <v>380</v>
      </c>
      <c r="I124">
        <v>1</v>
      </c>
      <c r="J124">
        <v>0</v>
      </c>
      <c r="K124">
        <v>717556</v>
      </c>
      <c r="L124">
        <v>717557</v>
      </c>
      <c r="M124">
        <v>84</v>
      </c>
      <c r="N124" t="s">
        <v>79</v>
      </c>
      <c r="O124" s="1">
        <v>42939.781944444447</v>
      </c>
      <c r="P124" s="1">
        <v>42939.880555555559</v>
      </c>
    </row>
    <row r="125" spans="1:16" x14ac:dyDescent="0.4">
      <c r="A125">
        <v>3565</v>
      </c>
      <c r="B125">
        <v>162057</v>
      </c>
      <c r="C125" s="1">
        <v>42939</v>
      </c>
      <c r="D125">
        <v>142</v>
      </c>
      <c r="E125">
        <v>125</v>
      </c>
      <c r="F125" t="s">
        <v>31</v>
      </c>
      <c r="G125">
        <v>12</v>
      </c>
      <c r="H125">
        <v>350</v>
      </c>
      <c r="I125">
        <v>1</v>
      </c>
      <c r="J125">
        <v>0</v>
      </c>
      <c r="K125">
        <v>717558</v>
      </c>
      <c r="L125">
        <v>717559</v>
      </c>
      <c r="M125">
        <v>84</v>
      </c>
      <c r="N125" t="s">
        <v>79</v>
      </c>
      <c r="O125" s="1">
        <v>42939.781944444447</v>
      </c>
      <c r="P125" s="1">
        <v>42939.880555555559</v>
      </c>
    </row>
    <row r="126" spans="1:16" x14ac:dyDescent="0.4">
      <c r="A126">
        <v>3566</v>
      </c>
      <c r="B126">
        <v>162128</v>
      </c>
      <c r="C126" s="1">
        <v>42940</v>
      </c>
      <c r="D126">
        <v>295</v>
      </c>
      <c r="E126">
        <v>549</v>
      </c>
      <c r="F126" t="s">
        <v>53</v>
      </c>
      <c r="G126">
        <v>10</v>
      </c>
      <c r="H126">
        <v>500</v>
      </c>
      <c r="I126">
        <v>1</v>
      </c>
      <c r="J126">
        <v>0</v>
      </c>
      <c r="K126">
        <v>717835</v>
      </c>
      <c r="L126">
        <v>717836</v>
      </c>
      <c r="M126">
        <v>91</v>
      </c>
      <c r="N126" t="s">
        <v>24</v>
      </c>
      <c r="O126" s="1">
        <v>42940.874305555553</v>
      </c>
      <c r="P126" s="1">
        <v>42940.875</v>
      </c>
    </row>
    <row r="127" spans="1:16" x14ac:dyDescent="0.4">
      <c r="A127">
        <v>3567</v>
      </c>
      <c r="B127">
        <v>162259</v>
      </c>
      <c r="C127" s="1">
        <v>42942</v>
      </c>
      <c r="D127">
        <v>65</v>
      </c>
      <c r="E127">
        <v>38</v>
      </c>
      <c r="F127" t="s">
        <v>80</v>
      </c>
      <c r="G127">
        <v>3</v>
      </c>
      <c r="H127">
        <v>0</v>
      </c>
      <c r="I127">
        <v>1</v>
      </c>
      <c r="J127">
        <v>0</v>
      </c>
      <c r="K127">
        <v>718434</v>
      </c>
      <c r="L127">
        <v>718435</v>
      </c>
      <c r="M127">
        <v>1</v>
      </c>
      <c r="N127" t="s">
        <v>45</v>
      </c>
      <c r="O127" s="1">
        <v>42943.022222222222</v>
      </c>
      <c r="P127" s="1">
        <v>42943.022222222222</v>
      </c>
    </row>
    <row r="128" spans="1:16" x14ac:dyDescent="0.4">
      <c r="A128">
        <v>3572</v>
      </c>
      <c r="B128">
        <v>162328</v>
      </c>
      <c r="C128" s="1">
        <v>42943</v>
      </c>
      <c r="D128">
        <v>162</v>
      </c>
      <c r="E128">
        <v>116</v>
      </c>
      <c r="F128" t="s">
        <v>81</v>
      </c>
      <c r="G128">
        <v>7</v>
      </c>
      <c r="H128">
        <v>550</v>
      </c>
      <c r="I128">
        <v>1</v>
      </c>
      <c r="J128">
        <v>0</v>
      </c>
      <c r="K128">
        <v>718695</v>
      </c>
      <c r="L128">
        <v>718696</v>
      </c>
      <c r="M128">
        <v>100</v>
      </c>
      <c r="N128" t="s">
        <v>1</v>
      </c>
      <c r="O128" s="1">
        <v>42943.979861111111</v>
      </c>
      <c r="P128" s="1">
        <v>42943.988194444442</v>
      </c>
    </row>
    <row r="129" spans="1:16" x14ac:dyDescent="0.4">
      <c r="A129">
        <v>3573</v>
      </c>
      <c r="B129">
        <v>162336</v>
      </c>
      <c r="C129" s="1">
        <v>42944</v>
      </c>
      <c r="D129">
        <v>280</v>
      </c>
      <c r="E129">
        <v>1266</v>
      </c>
      <c r="F129" t="s">
        <v>13</v>
      </c>
      <c r="G129">
        <v>7</v>
      </c>
      <c r="H129">
        <v>680</v>
      </c>
      <c r="I129">
        <v>1</v>
      </c>
      <c r="J129">
        <v>0</v>
      </c>
      <c r="K129">
        <v>718748</v>
      </c>
      <c r="L129">
        <v>718749</v>
      </c>
      <c r="M129">
        <v>96</v>
      </c>
      <c r="N129" t="s">
        <v>7</v>
      </c>
      <c r="O129" s="1">
        <v>42944.42291666667</v>
      </c>
      <c r="P129" s="1">
        <v>42944.435416666667</v>
      </c>
    </row>
    <row r="130" spans="1:16" x14ac:dyDescent="0.4">
      <c r="A130">
        <v>3576</v>
      </c>
      <c r="B130">
        <v>162720</v>
      </c>
      <c r="C130" s="1">
        <v>42948</v>
      </c>
      <c r="D130">
        <v>16</v>
      </c>
      <c r="E130">
        <v>120</v>
      </c>
      <c r="F130" t="s">
        <v>58</v>
      </c>
      <c r="G130">
        <v>8</v>
      </c>
      <c r="H130">
        <v>450</v>
      </c>
      <c r="I130">
        <v>1</v>
      </c>
      <c r="J130">
        <v>0</v>
      </c>
      <c r="K130">
        <v>720519</v>
      </c>
      <c r="L130">
        <v>720520</v>
      </c>
      <c r="M130">
        <v>16</v>
      </c>
      <c r="N130" t="s">
        <v>64</v>
      </c>
      <c r="O130" s="1">
        <v>42948.57708333333</v>
      </c>
      <c r="P130" s="1">
        <v>42948.578472222223</v>
      </c>
    </row>
    <row r="131" spans="1:16" x14ac:dyDescent="0.4">
      <c r="A131">
        <v>3578</v>
      </c>
      <c r="B131">
        <v>162758</v>
      </c>
      <c r="C131" s="1">
        <v>42948</v>
      </c>
      <c r="D131">
        <v>295</v>
      </c>
      <c r="E131">
        <v>549</v>
      </c>
      <c r="F131" t="s">
        <v>53</v>
      </c>
      <c r="G131">
        <v>2</v>
      </c>
      <c r="H131">
        <v>500</v>
      </c>
      <c r="I131">
        <v>1</v>
      </c>
      <c r="J131">
        <v>0</v>
      </c>
      <c r="K131">
        <v>720692</v>
      </c>
      <c r="L131">
        <v>720693</v>
      </c>
      <c r="M131">
        <v>99</v>
      </c>
      <c r="N131" t="s">
        <v>43</v>
      </c>
      <c r="O131" s="1">
        <v>42949.209027777775</v>
      </c>
      <c r="P131" s="1">
        <v>42949.212500000001</v>
      </c>
    </row>
    <row r="132" spans="1:16" x14ac:dyDescent="0.4">
      <c r="A132">
        <v>3579</v>
      </c>
      <c r="B132">
        <v>162821</v>
      </c>
      <c r="C132" s="1">
        <v>42949</v>
      </c>
      <c r="D132">
        <v>167</v>
      </c>
      <c r="E132">
        <v>305</v>
      </c>
      <c r="F132" t="s">
        <v>82</v>
      </c>
      <c r="G132">
        <v>4</v>
      </c>
      <c r="H132">
        <v>500</v>
      </c>
      <c r="I132">
        <v>1</v>
      </c>
      <c r="J132">
        <v>0</v>
      </c>
      <c r="K132">
        <v>720953</v>
      </c>
      <c r="L132">
        <v>720954</v>
      </c>
      <c r="M132">
        <v>104</v>
      </c>
      <c r="N132" t="s">
        <v>48</v>
      </c>
      <c r="O132" s="1">
        <v>42950.034722222219</v>
      </c>
      <c r="P132" s="1">
        <v>42950.05</v>
      </c>
    </row>
    <row r="133" spans="1:16" x14ac:dyDescent="0.4">
      <c r="A133">
        <v>3580</v>
      </c>
      <c r="B133">
        <v>162846</v>
      </c>
      <c r="C133" s="1">
        <v>42950</v>
      </c>
      <c r="D133">
        <v>9</v>
      </c>
      <c r="E133">
        <v>101</v>
      </c>
      <c r="F133" t="s">
        <v>54</v>
      </c>
      <c r="G133">
        <v>13</v>
      </c>
      <c r="H133">
        <v>420</v>
      </c>
      <c r="I133">
        <v>1</v>
      </c>
      <c r="J133">
        <v>0</v>
      </c>
      <c r="K133">
        <v>721036</v>
      </c>
      <c r="L133">
        <v>721037</v>
      </c>
      <c r="M133">
        <v>96</v>
      </c>
      <c r="N133" t="s">
        <v>7</v>
      </c>
      <c r="O133" s="1">
        <v>42950.61041666667</v>
      </c>
      <c r="P133" s="1">
        <v>42950.626388888886</v>
      </c>
    </row>
    <row r="134" spans="1:16" x14ac:dyDescent="0.4">
      <c r="A134">
        <v>3587</v>
      </c>
      <c r="B134">
        <v>162943</v>
      </c>
      <c r="C134" s="1">
        <v>42951</v>
      </c>
      <c r="D134">
        <v>9</v>
      </c>
      <c r="E134">
        <v>101</v>
      </c>
      <c r="F134" t="s">
        <v>54</v>
      </c>
      <c r="G134">
        <v>3</v>
      </c>
      <c r="H134">
        <v>420</v>
      </c>
      <c r="I134">
        <v>1</v>
      </c>
      <c r="J134">
        <v>0</v>
      </c>
      <c r="K134">
        <v>721451</v>
      </c>
      <c r="L134">
        <v>721452</v>
      </c>
      <c r="M134">
        <v>101</v>
      </c>
      <c r="N134" t="s">
        <v>83</v>
      </c>
      <c r="O134" s="1">
        <v>42951.788194444445</v>
      </c>
      <c r="P134" s="1">
        <v>42951.811111111114</v>
      </c>
    </row>
    <row r="135" spans="1:16" x14ac:dyDescent="0.4">
      <c r="A135">
        <v>3589</v>
      </c>
      <c r="B135">
        <v>163031</v>
      </c>
      <c r="C135" s="1">
        <v>42952</v>
      </c>
      <c r="D135">
        <v>290</v>
      </c>
      <c r="E135">
        <v>1260</v>
      </c>
      <c r="F135" t="s">
        <v>22</v>
      </c>
      <c r="G135">
        <v>12</v>
      </c>
      <c r="H135">
        <v>500</v>
      </c>
      <c r="I135">
        <v>1</v>
      </c>
      <c r="J135">
        <v>0</v>
      </c>
      <c r="K135">
        <v>721910</v>
      </c>
      <c r="L135">
        <v>721911</v>
      </c>
      <c r="M135">
        <v>91</v>
      </c>
      <c r="N135" t="s">
        <v>24</v>
      </c>
      <c r="O135" s="1">
        <v>42952.704861111109</v>
      </c>
      <c r="P135" s="1">
        <v>42952.72152777778</v>
      </c>
    </row>
    <row r="136" spans="1:16" x14ac:dyDescent="0.4">
      <c r="A136">
        <v>3590</v>
      </c>
      <c r="B136">
        <v>163091</v>
      </c>
      <c r="C136" s="1">
        <v>42953</v>
      </c>
      <c r="D136">
        <v>290</v>
      </c>
      <c r="E136">
        <v>1260</v>
      </c>
      <c r="F136" t="s">
        <v>22</v>
      </c>
      <c r="G136">
        <v>4</v>
      </c>
      <c r="H136">
        <v>500</v>
      </c>
      <c r="I136">
        <v>1</v>
      </c>
      <c r="J136">
        <v>0</v>
      </c>
      <c r="K136">
        <v>722304</v>
      </c>
      <c r="L136">
        <v>722305</v>
      </c>
      <c r="M136">
        <v>89</v>
      </c>
      <c r="N136" t="s">
        <v>44</v>
      </c>
      <c r="O136" s="1">
        <v>42953.448611111111</v>
      </c>
      <c r="P136" s="1">
        <v>42953.472916666666</v>
      </c>
    </row>
    <row r="137" spans="1:16" x14ac:dyDescent="0.4">
      <c r="A137">
        <v>3596</v>
      </c>
      <c r="B137">
        <v>163260</v>
      </c>
      <c r="C137" s="1">
        <v>42955</v>
      </c>
      <c r="D137">
        <v>16</v>
      </c>
      <c r="E137">
        <v>120</v>
      </c>
      <c r="F137" t="s">
        <v>58</v>
      </c>
      <c r="G137">
        <v>16</v>
      </c>
      <c r="H137">
        <v>450</v>
      </c>
      <c r="I137">
        <v>1</v>
      </c>
      <c r="J137">
        <v>0</v>
      </c>
      <c r="K137">
        <v>723014</v>
      </c>
      <c r="L137">
        <v>723015</v>
      </c>
      <c r="M137">
        <v>84</v>
      </c>
      <c r="N137" t="s">
        <v>79</v>
      </c>
      <c r="O137" s="1">
        <v>42955.775694444441</v>
      </c>
      <c r="P137" s="1">
        <v>42955.786111111112</v>
      </c>
    </row>
    <row r="138" spans="1:16" x14ac:dyDescent="0.4">
      <c r="A138">
        <v>3597</v>
      </c>
      <c r="B138">
        <v>163434</v>
      </c>
      <c r="C138" s="1">
        <v>42957</v>
      </c>
      <c r="D138">
        <v>84</v>
      </c>
      <c r="E138">
        <v>65</v>
      </c>
      <c r="F138" t="s">
        <v>71</v>
      </c>
      <c r="G138">
        <v>15</v>
      </c>
      <c r="H138">
        <v>400</v>
      </c>
      <c r="I138">
        <v>10</v>
      </c>
      <c r="J138">
        <v>0</v>
      </c>
      <c r="K138">
        <v>723707</v>
      </c>
      <c r="L138">
        <v>723708</v>
      </c>
      <c r="M138">
        <v>84</v>
      </c>
      <c r="N138" t="s">
        <v>79</v>
      </c>
      <c r="O138" s="1">
        <v>42957.979166666664</v>
      </c>
      <c r="P138" s="1">
        <v>42957.980555555558</v>
      </c>
    </row>
    <row r="139" spans="1:16" x14ac:dyDescent="0.4">
      <c r="A139">
        <v>3598</v>
      </c>
      <c r="B139">
        <v>163690</v>
      </c>
      <c r="C139" s="1">
        <v>42960</v>
      </c>
      <c r="D139">
        <v>157</v>
      </c>
      <c r="E139">
        <v>113</v>
      </c>
      <c r="F139" t="s">
        <v>59</v>
      </c>
      <c r="G139">
        <v>4</v>
      </c>
      <c r="H139">
        <v>550</v>
      </c>
      <c r="I139">
        <v>1</v>
      </c>
      <c r="J139">
        <v>0</v>
      </c>
      <c r="K139">
        <v>724902</v>
      </c>
      <c r="L139">
        <v>724903</v>
      </c>
      <c r="M139">
        <v>89</v>
      </c>
      <c r="N139" t="s">
        <v>44</v>
      </c>
      <c r="O139" s="1">
        <v>42960.744444444441</v>
      </c>
      <c r="P139" s="1">
        <v>42960.757638888892</v>
      </c>
    </row>
    <row r="140" spans="1:16" x14ac:dyDescent="0.4">
      <c r="A140">
        <v>3599</v>
      </c>
      <c r="B140">
        <v>163787</v>
      </c>
      <c r="C140" s="1">
        <v>42961</v>
      </c>
      <c r="D140">
        <v>69</v>
      </c>
      <c r="E140">
        <v>50</v>
      </c>
      <c r="F140" t="s">
        <v>18</v>
      </c>
      <c r="G140">
        <v>2</v>
      </c>
      <c r="H140">
        <v>480</v>
      </c>
      <c r="I140">
        <v>1</v>
      </c>
      <c r="J140">
        <v>0</v>
      </c>
      <c r="K140">
        <v>725458</v>
      </c>
      <c r="L140">
        <v>725459</v>
      </c>
      <c r="M140">
        <v>1</v>
      </c>
      <c r="N140" t="s">
        <v>45</v>
      </c>
      <c r="O140" s="1">
        <v>42961.910416666666</v>
      </c>
      <c r="P140" s="1">
        <v>42961.97152777778</v>
      </c>
    </row>
    <row r="141" spans="1:16" x14ac:dyDescent="0.4">
      <c r="A141">
        <v>3600</v>
      </c>
      <c r="B141">
        <v>163882</v>
      </c>
      <c r="C141" s="1">
        <v>42962</v>
      </c>
      <c r="D141">
        <v>302</v>
      </c>
      <c r="E141">
        <v>14</v>
      </c>
      <c r="F141" t="s">
        <v>5</v>
      </c>
      <c r="G141">
        <v>19</v>
      </c>
      <c r="H141">
        <v>200</v>
      </c>
      <c r="I141">
        <v>1</v>
      </c>
      <c r="J141">
        <v>0</v>
      </c>
      <c r="K141">
        <v>725790</v>
      </c>
      <c r="L141">
        <v>725791</v>
      </c>
      <c r="M141">
        <v>91</v>
      </c>
      <c r="N141" t="s">
        <v>24</v>
      </c>
      <c r="O141" s="1">
        <v>42962.85</v>
      </c>
      <c r="P141" s="1">
        <v>42962.855555555558</v>
      </c>
    </row>
    <row r="142" spans="1:16" x14ac:dyDescent="0.4">
      <c r="A142">
        <v>3605</v>
      </c>
      <c r="B142">
        <v>163932</v>
      </c>
      <c r="C142" s="1">
        <v>42963</v>
      </c>
      <c r="D142">
        <v>125</v>
      </c>
      <c r="E142">
        <v>126</v>
      </c>
      <c r="F142" t="s">
        <v>8</v>
      </c>
      <c r="G142">
        <v>7</v>
      </c>
      <c r="H142">
        <v>380</v>
      </c>
      <c r="I142">
        <v>1</v>
      </c>
      <c r="J142">
        <v>0</v>
      </c>
      <c r="K142">
        <v>726131</v>
      </c>
      <c r="L142">
        <v>726132</v>
      </c>
      <c r="M142">
        <v>100</v>
      </c>
      <c r="N142" t="s">
        <v>1</v>
      </c>
      <c r="O142" s="1">
        <v>42963.48333333333</v>
      </c>
      <c r="P142" s="1">
        <v>42963.48541666667</v>
      </c>
    </row>
    <row r="143" spans="1:16" x14ac:dyDescent="0.4">
      <c r="A143">
        <v>3609</v>
      </c>
      <c r="B143">
        <v>164082</v>
      </c>
      <c r="C143" s="1">
        <v>42964</v>
      </c>
      <c r="D143">
        <v>84</v>
      </c>
      <c r="E143">
        <v>65</v>
      </c>
      <c r="F143" t="s">
        <v>71</v>
      </c>
      <c r="G143">
        <v>10</v>
      </c>
      <c r="H143">
        <v>400</v>
      </c>
      <c r="I143">
        <v>1</v>
      </c>
      <c r="J143">
        <v>0</v>
      </c>
      <c r="K143">
        <v>726757</v>
      </c>
      <c r="L143">
        <v>726758</v>
      </c>
      <c r="M143">
        <v>70</v>
      </c>
      <c r="N143" t="s">
        <v>78</v>
      </c>
      <c r="O143" s="1">
        <v>42964.965277777781</v>
      </c>
      <c r="P143" s="1">
        <v>42964.965277777781</v>
      </c>
    </row>
    <row r="144" spans="1:16" x14ac:dyDescent="0.4">
      <c r="A144">
        <v>3610</v>
      </c>
      <c r="B144">
        <v>164263</v>
      </c>
      <c r="C144" s="1">
        <v>42966</v>
      </c>
      <c r="D144">
        <v>125</v>
      </c>
      <c r="E144">
        <v>126</v>
      </c>
      <c r="F144" t="s">
        <v>8</v>
      </c>
      <c r="G144">
        <v>14</v>
      </c>
      <c r="H144">
        <v>380</v>
      </c>
      <c r="I144">
        <v>1</v>
      </c>
      <c r="J144">
        <v>0</v>
      </c>
      <c r="K144">
        <v>727599</v>
      </c>
      <c r="L144">
        <v>727600</v>
      </c>
      <c r="M144">
        <v>84</v>
      </c>
      <c r="N144" t="s">
        <v>79</v>
      </c>
      <c r="O144" s="1">
        <v>42967.124305555553</v>
      </c>
      <c r="P144" s="1">
        <v>42967.135416666664</v>
      </c>
    </row>
    <row r="145" spans="1:16" x14ac:dyDescent="0.4">
      <c r="A145">
        <v>3612</v>
      </c>
      <c r="B145">
        <v>164356</v>
      </c>
      <c r="C145" s="1">
        <v>42967</v>
      </c>
      <c r="D145">
        <v>69</v>
      </c>
      <c r="E145">
        <v>50</v>
      </c>
      <c r="F145" t="s">
        <v>18</v>
      </c>
      <c r="G145">
        <v>2</v>
      </c>
      <c r="H145">
        <v>480</v>
      </c>
      <c r="I145">
        <v>1</v>
      </c>
      <c r="J145">
        <v>0</v>
      </c>
      <c r="K145">
        <v>727977</v>
      </c>
      <c r="L145">
        <v>727978</v>
      </c>
      <c r="M145">
        <v>95</v>
      </c>
      <c r="N145" t="s">
        <v>68</v>
      </c>
      <c r="O145" s="1">
        <v>42968.125</v>
      </c>
      <c r="P145" s="1">
        <v>42968.174305555556</v>
      </c>
    </row>
    <row r="146" spans="1:16" x14ac:dyDescent="0.4">
      <c r="A146">
        <v>3613</v>
      </c>
      <c r="B146">
        <v>164555</v>
      </c>
      <c r="C146" s="1">
        <v>42970</v>
      </c>
      <c r="D146">
        <v>125</v>
      </c>
      <c r="E146">
        <v>126</v>
      </c>
      <c r="F146" t="s">
        <v>8</v>
      </c>
      <c r="G146">
        <v>5</v>
      </c>
      <c r="H146">
        <v>380</v>
      </c>
      <c r="I146">
        <v>1</v>
      </c>
      <c r="J146">
        <v>0</v>
      </c>
      <c r="K146">
        <v>728764</v>
      </c>
      <c r="L146">
        <v>728765</v>
      </c>
      <c r="M146">
        <v>1</v>
      </c>
      <c r="N146" t="s">
        <v>45</v>
      </c>
      <c r="O146" s="1">
        <v>42971.148611111108</v>
      </c>
      <c r="P146" s="1">
        <v>42971.150694444441</v>
      </c>
    </row>
    <row r="147" spans="1:16" x14ac:dyDescent="0.4">
      <c r="A147">
        <v>3614</v>
      </c>
      <c r="B147">
        <v>164612</v>
      </c>
      <c r="C147" s="1">
        <v>42971</v>
      </c>
      <c r="D147">
        <v>75</v>
      </c>
      <c r="E147">
        <v>56</v>
      </c>
      <c r="F147" t="s">
        <v>49</v>
      </c>
      <c r="G147">
        <v>2</v>
      </c>
      <c r="H147">
        <v>400</v>
      </c>
      <c r="I147">
        <v>1</v>
      </c>
      <c r="J147">
        <v>0</v>
      </c>
      <c r="K147">
        <v>728956</v>
      </c>
      <c r="L147">
        <v>728957</v>
      </c>
      <c r="M147">
        <v>102</v>
      </c>
      <c r="N147" t="s">
        <v>27</v>
      </c>
      <c r="O147" s="1">
        <v>42971.856944444444</v>
      </c>
      <c r="P147" s="1">
        <v>42971.865972222222</v>
      </c>
    </row>
    <row r="148" spans="1:16" x14ac:dyDescent="0.4">
      <c r="A148">
        <v>3616</v>
      </c>
      <c r="B148">
        <v>164665</v>
      </c>
      <c r="C148" s="1">
        <v>42972</v>
      </c>
      <c r="D148">
        <v>16</v>
      </c>
      <c r="E148">
        <v>120</v>
      </c>
      <c r="F148" t="s">
        <v>58</v>
      </c>
      <c r="G148">
        <v>15</v>
      </c>
      <c r="H148">
        <v>450</v>
      </c>
      <c r="I148">
        <v>1</v>
      </c>
      <c r="J148">
        <v>0</v>
      </c>
      <c r="K148">
        <v>729200</v>
      </c>
      <c r="L148">
        <v>729201</v>
      </c>
      <c r="M148">
        <v>96</v>
      </c>
      <c r="N148" t="s">
        <v>7</v>
      </c>
      <c r="O148" s="1">
        <v>42972.628472222219</v>
      </c>
      <c r="P148" s="1">
        <v>42972.727777777778</v>
      </c>
    </row>
    <row r="149" spans="1:16" x14ac:dyDescent="0.4">
      <c r="A149">
        <v>3483</v>
      </c>
      <c r="B149">
        <v>158502</v>
      </c>
      <c r="C149" s="1">
        <v>42888</v>
      </c>
      <c r="D149">
        <v>57</v>
      </c>
      <c r="E149">
        <v>30</v>
      </c>
      <c r="F149" t="s">
        <v>60</v>
      </c>
      <c r="G149">
        <v>18</v>
      </c>
      <c r="H149">
        <v>320</v>
      </c>
      <c r="I149">
        <v>1</v>
      </c>
      <c r="J149">
        <v>0</v>
      </c>
      <c r="K149">
        <v>701698</v>
      </c>
      <c r="L149">
        <v>701699</v>
      </c>
      <c r="M149">
        <v>91</v>
      </c>
      <c r="N149" t="s">
        <v>24</v>
      </c>
      <c r="O149" s="1">
        <v>42889.05</v>
      </c>
      <c r="P149" s="1">
        <v>42889.05</v>
      </c>
    </row>
    <row r="150" spans="1:16" x14ac:dyDescent="0.4">
      <c r="A150">
        <v>3484</v>
      </c>
      <c r="B150">
        <v>158502</v>
      </c>
      <c r="C150" s="1">
        <v>42888</v>
      </c>
      <c r="D150">
        <v>97</v>
      </c>
      <c r="E150">
        <v>21</v>
      </c>
      <c r="F150" t="s">
        <v>6</v>
      </c>
      <c r="G150">
        <v>18</v>
      </c>
      <c r="H150">
        <v>420</v>
      </c>
      <c r="I150">
        <v>1</v>
      </c>
      <c r="J150">
        <v>0</v>
      </c>
      <c r="K150">
        <v>701700</v>
      </c>
      <c r="L150">
        <v>701701</v>
      </c>
      <c r="M150">
        <v>91</v>
      </c>
      <c r="N150" t="s">
        <v>24</v>
      </c>
      <c r="O150" s="1">
        <v>42889.05</v>
      </c>
      <c r="P150" s="1">
        <v>42889.05</v>
      </c>
    </row>
    <row r="151" spans="1:16" x14ac:dyDescent="0.4">
      <c r="A151">
        <v>3617</v>
      </c>
      <c r="B151">
        <v>164753</v>
      </c>
      <c r="C151" s="1">
        <v>42973</v>
      </c>
      <c r="D151">
        <v>142</v>
      </c>
      <c r="E151">
        <v>125</v>
      </c>
      <c r="F151" t="s">
        <v>31</v>
      </c>
      <c r="G151">
        <v>4</v>
      </c>
      <c r="H151">
        <v>350</v>
      </c>
      <c r="I151">
        <v>1</v>
      </c>
      <c r="J151">
        <v>0</v>
      </c>
      <c r="K151">
        <v>729621</v>
      </c>
      <c r="L151">
        <v>729622</v>
      </c>
      <c r="M151">
        <v>96</v>
      </c>
      <c r="N151" t="s">
        <v>7</v>
      </c>
      <c r="O151" s="1">
        <v>42973.685416666667</v>
      </c>
      <c r="P151" s="1">
        <v>42973.685416666667</v>
      </c>
    </row>
    <row r="152" spans="1:16" x14ac:dyDescent="0.4">
      <c r="A152">
        <v>3618</v>
      </c>
      <c r="B152">
        <v>164837</v>
      </c>
      <c r="C152" s="1">
        <v>42974</v>
      </c>
      <c r="D152">
        <v>163</v>
      </c>
      <c r="E152">
        <v>104</v>
      </c>
      <c r="F152" t="s">
        <v>69</v>
      </c>
      <c r="G152">
        <v>5</v>
      </c>
      <c r="H152">
        <v>500</v>
      </c>
      <c r="I152">
        <v>121</v>
      </c>
      <c r="J152">
        <v>1</v>
      </c>
      <c r="K152">
        <v>730096</v>
      </c>
      <c r="L152">
        <v>730097</v>
      </c>
      <c r="M152">
        <v>89</v>
      </c>
      <c r="N152" t="s">
        <v>44</v>
      </c>
      <c r="O152" s="1">
        <v>42974.527083333334</v>
      </c>
      <c r="P152" s="1">
        <v>42974.527777777781</v>
      </c>
    </row>
    <row r="153" spans="1:16" x14ac:dyDescent="0.4">
      <c r="A153">
        <v>3619</v>
      </c>
      <c r="B153">
        <v>165227</v>
      </c>
      <c r="C153" s="1">
        <v>42979</v>
      </c>
      <c r="D153">
        <v>213</v>
      </c>
      <c r="E153">
        <v>211</v>
      </c>
      <c r="F153" t="s">
        <v>46</v>
      </c>
      <c r="G153">
        <v>9</v>
      </c>
      <c r="H153">
        <v>0</v>
      </c>
      <c r="I153">
        <v>2</v>
      </c>
      <c r="J153">
        <v>0</v>
      </c>
      <c r="K153">
        <v>731649</v>
      </c>
      <c r="L153">
        <v>731650</v>
      </c>
      <c r="M153">
        <v>90</v>
      </c>
      <c r="N153" t="s">
        <v>84</v>
      </c>
      <c r="O153" s="1">
        <v>42979.754861111112</v>
      </c>
      <c r="P153" s="1">
        <v>42979.756249999999</v>
      </c>
    </row>
    <row r="154" spans="1:16" x14ac:dyDescent="0.4">
      <c r="A154">
        <v>3620</v>
      </c>
      <c r="B154">
        <v>165356</v>
      </c>
      <c r="C154" s="1">
        <v>42980</v>
      </c>
      <c r="D154">
        <v>75</v>
      </c>
      <c r="E154">
        <v>56</v>
      </c>
      <c r="F154" t="s">
        <v>49</v>
      </c>
      <c r="G154">
        <v>19</v>
      </c>
      <c r="H154">
        <v>400</v>
      </c>
      <c r="I154">
        <v>1</v>
      </c>
      <c r="J154">
        <v>0</v>
      </c>
      <c r="K154">
        <v>732287</v>
      </c>
      <c r="L154">
        <v>732288</v>
      </c>
      <c r="M154">
        <v>1</v>
      </c>
      <c r="N154" t="s">
        <v>45</v>
      </c>
      <c r="O154" s="1">
        <v>42981.004861111112</v>
      </c>
      <c r="P154" s="1">
        <v>42981.004861111112</v>
      </c>
    </row>
    <row r="155" spans="1:16" x14ac:dyDescent="0.4">
      <c r="A155">
        <v>3621</v>
      </c>
      <c r="B155">
        <v>165696</v>
      </c>
      <c r="C155" s="1">
        <v>42986</v>
      </c>
      <c r="D155">
        <v>149</v>
      </c>
      <c r="E155">
        <v>121</v>
      </c>
      <c r="F155" t="s">
        <v>52</v>
      </c>
      <c r="G155">
        <v>20</v>
      </c>
      <c r="H155">
        <v>450</v>
      </c>
      <c r="I155">
        <v>1</v>
      </c>
      <c r="J155">
        <v>0</v>
      </c>
      <c r="K155">
        <v>733705</v>
      </c>
      <c r="L155">
        <v>733706</v>
      </c>
      <c r="M155">
        <v>1</v>
      </c>
      <c r="N155" t="s">
        <v>45</v>
      </c>
      <c r="O155" s="1">
        <v>42986.90347222222</v>
      </c>
      <c r="P155" s="1">
        <v>42986.910416666666</v>
      </c>
    </row>
    <row r="156" spans="1:16" x14ac:dyDescent="0.4">
      <c r="A156">
        <v>3622</v>
      </c>
      <c r="B156">
        <v>165844</v>
      </c>
      <c r="C156" s="1">
        <v>42988</v>
      </c>
      <c r="D156">
        <v>142</v>
      </c>
      <c r="E156">
        <v>125</v>
      </c>
      <c r="F156" t="s">
        <v>31</v>
      </c>
      <c r="G156">
        <v>19</v>
      </c>
      <c r="H156">
        <v>350</v>
      </c>
      <c r="I156">
        <v>1</v>
      </c>
      <c r="J156">
        <v>0</v>
      </c>
      <c r="K156">
        <v>734512</v>
      </c>
      <c r="L156">
        <v>734513</v>
      </c>
      <c r="M156">
        <v>92</v>
      </c>
      <c r="N156" t="s">
        <v>85</v>
      </c>
      <c r="O156" s="1">
        <v>42988.65902777778</v>
      </c>
      <c r="P156" s="1">
        <v>42988.675694444442</v>
      </c>
    </row>
    <row r="157" spans="1:16" x14ac:dyDescent="0.4">
      <c r="A157">
        <v>3623</v>
      </c>
      <c r="B157">
        <v>165909</v>
      </c>
      <c r="C157" s="1">
        <v>42989</v>
      </c>
      <c r="D157">
        <v>60</v>
      </c>
      <c r="E157">
        <v>33</v>
      </c>
      <c r="F157" t="s">
        <v>86</v>
      </c>
      <c r="G157">
        <v>7</v>
      </c>
      <c r="H157">
        <v>320</v>
      </c>
      <c r="I157">
        <v>2</v>
      </c>
      <c r="J157">
        <v>1</v>
      </c>
      <c r="K157">
        <v>734759</v>
      </c>
      <c r="L157">
        <v>734760</v>
      </c>
      <c r="M157">
        <v>96</v>
      </c>
      <c r="N157" t="s">
        <v>7</v>
      </c>
      <c r="O157" s="1">
        <v>42989.609027777777</v>
      </c>
      <c r="P157" s="1">
        <v>42989.611111111109</v>
      </c>
    </row>
    <row r="158" spans="1:16" x14ac:dyDescent="0.4">
      <c r="A158">
        <v>3624</v>
      </c>
      <c r="B158">
        <v>165950</v>
      </c>
      <c r="C158" s="1">
        <v>42989</v>
      </c>
      <c r="D158">
        <v>142</v>
      </c>
      <c r="E158">
        <v>125</v>
      </c>
      <c r="F158" t="s">
        <v>31</v>
      </c>
      <c r="G158">
        <v>4</v>
      </c>
      <c r="H158">
        <v>350</v>
      </c>
      <c r="I158">
        <v>1</v>
      </c>
      <c r="J158">
        <v>0</v>
      </c>
      <c r="K158">
        <v>734916</v>
      </c>
      <c r="L158">
        <v>734917</v>
      </c>
      <c r="M158">
        <v>104</v>
      </c>
      <c r="N158" t="s">
        <v>48</v>
      </c>
      <c r="O158" s="1">
        <v>42990.059027777781</v>
      </c>
      <c r="P158" s="1">
        <v>42990.074999999997</v>
      </c>
    </row>
    <row r="159" spans="1:16" x14ac:dyDescent="0.4">
      <c r="A159">
        <v>3625</v>
      </c>
      <c r="B159">
        <v>165990</v>
      </c>
      <c r="C159" s="1">
        <v>42990</v>
      </c>
      <c r="D159">
        <v>122</v>
      </c>
      <c r="E159">
        <v>142</v>
      </c>
      <c r="F159" t="s">
        <v>25</v>
      </c>
      <c r="G159">
        <v>11</v>
      </c>
      <c r="H159">
        <v>350</v>
      </c>
      <c r="I159">
        <v>1</v>
      </c>
      <c r="J159">
        <v>0</v>
      </c>
      <c r="K159">
        <v>735053</v>
      </c>
      <c r="L159">
        <v>735054</v>
      </c>
      <c r="M159">
        <v>82</v>
      </c>
      <c r="N159" t="s">
        <v>87</v>
      </c>
      <c r="O159" s="1">
        <v>42990.818749999999</v>
      </c>
      <c r="P159" s="1">
        <v>42990.822916666664</v>
      </c>
    </row>
    <row r="160" spans="1:16" x14ac:dyDescent="0.4">
      <c r="A160">
        <v>3626</v>
      </c>
      <c r="B160">
        <v>166005</v>
      </c>
      <c r="C160" s="1">
        <v>42990</v>
      </c>
      <c r="D160">
        <v>75</v>
      </c>
      <c r="E160">
        <v>56</v>
      </c>
      <c r="F160" t="s">
        <v>49</v>
      </c>
      <c r="G160">
        <v>1</v>
      </c>
      <c r="H160">
        <v>400</v>
      </c>
      <c r="I160">
        <v>2</v>
      </c>
      <c r="J160">
        <v>0</v>
      </c>
      <c r="K160">
        <v>735157</v>
      </c>
      <c r="L160">
        <v>735158</v>
      </c>
      <c r="M160">
        <v>30</v>
      </c>
      <c r="O160" s="1">
        <v>42991.074999999997</v>
      </c>
      <c r="P160" s="1">
        <v>42991.090277777781</v>
      </c>
    </row>
    <row r="161" spans="1:16" x14ac:dyDescent="0.4">
      <c r="A161">
        <v>3627</v>
      </c>
      <c r="B161">
        <v>166005</v>
      </c>
      <c r="C161" s="1">
        <v>42990</v>
      </c>
      <c r="D161">
        <v>89</v>
      </c>
      <c r="E161">
        <v>70</v>
      </c>
      <c r="F161" t="s">
        <v>10</v>
      </c>
      <c r="G161">
        <v>1</v>
      </c>
      <c r="H161">
        <v>400</v>
      </c>
      <c r="I161">
        <v>2</v>
      </c>
      <c r="J161">
        <v>0</v>
      </c>
      <c r="K161">
        <v>735159</v>
      </c>
      <c r="L161">
        <v>735160</v>
      </c>
      <c r="M161">
        <v>30</v>
      </c>
      <c r="O161" s="1">
        <v>42991.077777777777</v>
      </c>
      <c r="P161" s="1">
        <v>42991.090277777781</v>
      </c>
    </row>
    <row r="162" spans="1:16" x14ac:dyDescent="0.4">
      <c r="A162">
        <v>3628</v>
      </c>
      <c r="B162">
        <v>166005</v>
      </c>
      <c r="C162" s="1">
        <v>42990</v>
      </c>
      <c r="D162">
        <v>85</v>
      </c>
      <c r="E162">
        <v>66</v>
      </c>
      <c r="F162" t="s">
        <v>88</v>
      </c>
      <c r="G162">
        <v>1</v>
      </c>
      <c r="H162">
        <v>400</v>
      </c>
      <c r="I162">
        <v>1</v>
      </c>
      <c r="J162">
        <v>0</v>
      </c>
      <c r="K162">
        <v>735161</v>
      </c>
      <c r="L162">
        <v>735162</v>
      </c>
      <c r="M162">
        <v>30</v>
      </c>
      <c r="O162" s="1">
        <v>42991.090277777781</v>
      </c>
      <c r="P162" s="1">
        <v>42991.090277777781</v>
      </c>
    </row>
    <row r="163" spans="1:16" x14ac:dyDescent="0.4">
      <c r="A163">
        <v>3629</v>
      </c>
      <c r="B163">
        <v>166126</v>
      </c>
      <c r="C163" s="1">
        <v>42992</v>
      </c>
      <c r="D163">
        <v>287</v>
      </c>
      <c r="E163">
        <v>47</v>
      </c>
      <c r="F163" t="s">
        <v>70</v>
      </c>
      <c r="G163">
        <v>3</v>
      </c>
      <c r="H163">
        <v>480</v>
      </c>
      <c r="I163">
        <v>1</v>
      </c>
      <c r="J163">
        <v>0</v>
      </c>
      <c r="K163">
        <v>735602</v>
      </c>
      <c r="L163">
        <v>735603</v>
      </c>
      <c r="M163">
        <v>70</v>
      </c>
      <c r="N163" t="s">
        <v>78</v>
      </c>
      <c r="O163" s="1">
        <v>42992.901388888888</v>
      </c>
      <c r="P163" s="1">
        <v>42992.921527777777</v>
      </c>
    </row>
    <row r="164" spans="1:16" x14ac:dyDescent="0.4">
      <c r="A164">
        <v>3630</v>
      </c>
      <c r="B164">
        <v>166126</v>
      </c>
      <c r="C164" s="1">
        <v>42992</v>
      </c>
      <c r="D164">
        <v>288</v>
      </c>
      <c r="E164">
        <v>48</v>
      </c>
      <c r="F164" t="s">
        <v>89</v>
      </c>
      <c r="G164">
        <v>3</v>
      </c>
      <c r="H164">
        <v>480</v>
      </c>
      <c r="I164">
        <v>1</v>
      </c>
      <c r="J164">
        <v>0</v>
      </c>
      <c r="K164">
        <v>735604</v>
      </c>
      <c r="L164">
        <v>735605</v>
      </c>
      <c r="M164">
        <v>70</v>
      </c>
      <c r="N164" t="s">
        <v>78</v>
      </c>
      <c r="O164" s="1">
        <v>42992.901388888888</v>
      </c>
      <c r="P164" s="1">
        <v>42992.921527777777</v>
      </c>
    </row>
    <row r="165" spans="1:16" x14ac:dyDescent="0.4">
      <c r="A165">
        <v>3631</v>
      </c>
      <c r="B165">
        <v>166126</v>
      </c>
      <c r="C165" s="1">
        <v>42992</v>
      </c>
      <c r="D165">
        <v>288</v>
      </c>
      <c r="E165">
        <v>48</v>
      </c>
      <c r="F165" t="s">
        <v>89</v>
      </c>
      <c r="G165">
        <v>3</v>
      </c>
      <c r="H165">
        <v>480</v>
      </c>
      <c r="I165">
        <v>1</v>
      </c>
      <c r="J165">
        <v>0</v>
      </c>
      <c r="K165">
        <v>735606</v>
      </c>
      <c r="L165">
        <v>735607</v>
      </c>
      <c r="M165">
        <v>70</v>
      </c>
      <c r="N165" t="s">
        <v>78</v>
      </c>
      <c r="O165" s="1">
        <v>42992.910416666666</v>
      </c>
      <c r="P165" s="1">
        <v>42992.922222222223</v>
      </c>
    </row>
    <row r="166" spans="1:16" x14ac:dyDescent="0.4">
      <c r="A166">
        <v>3632</v>
      </c>
      <c r="B166">
        <v>166126</v>
      </c>
      <c r="C166" s="1">
        <v>42992</v>
      </c>
      <c r="D166">
        <v>323</v>
      </c>
      <c r="E166">
        <v>49</v>
      </c>
      <c r="F166" t="s">
        <v>67</v>
      </c>
      <c r="G166">
        <v>3</v>
      </c>
      <c r="H166">
        <v>480</v>
      </c>
      <c r="I166">
        <v>1</v>
      </c>
      <c r="J166">
        <v>0</v>
      </c>
      <c r="K166">
        <v>735608</v>
      </c>
      <c r="L166">
        <v>735609</v>
      </c>
      <c r="M166">
        <v>70</v>
      </c>
      <c r="N166" t="s">
        <v>78</v>
      </c>
      <c r="O166" s="1">
        <v>42992.910416666666</v>
      </c>
      <c r="P166" s="1">
        <v>42992.922222222223</v>
      </c>
    </row>
    <row r="167" spans="1:16" x14ac:dyDescent="0.4">
      <c r="A167">
        <v>3633</v>
      </c>
      <c r="B167">
        <v>166124</v>
      </c>
      <c r="C167" s="1">
        <v>42992</v>
      </c>
      <c r="D167">
        <v>76</v>
      </c>
      <c r="E167">
        <v>51</v>
      </c>
      <c r="F167" t="s">
        <v>33</v>
      </c>
      <c r="G167">
        <v>2</v>
      </c>
      <c r="H167">
        <v>400</v>
      </c>
      <c r="I167">
        <v>2</v>
      </c>
      <c r="J167">
        <v>0</v>
      </c>
      <c r="K167">
        <v>735618</v>
      </c>
      <c r="L167">
        <v>735619</v>
      </c>
      <c r="M167">
        <v>84</v>
      </c>
      <c r="N167" t="s">
        <v>79</v>
      </c>
      <c r="O167" s="1">
        <v>42992.932638888888</v>
      </c>
      <c r="P167" s="1">
        <v>42992.932638888888</v>
      </c>
    </row>
    <row r="168" spans="1:16" x14ac:dyDescent="0.4">
      <c r="A168">
        <v>3634</v>
      </c>
      <c r="B168">
        <v>166276</v>
      </c>
      <c r="C168" s="1">
        <v>42994</v>
      </c>
      <c r="D168">
        <v>207</v>
      </c>
      <c r="E168">
        <v>420</v>
      </c>
      <c r="F168" t="s">
        <v>90</v>
      </c>
      <c r="G168">
        <v>7</v>
      </c>
      <c r="H168">
        <v>320</v>
      </c>
      <c r="I168">
        <v>1</v>
      </c>
      <c r="J168">
        <v>0</v>
      </c>
      <c r="K168">
        <v>736385</v>
      </c>
      <c r="L168">
        <v>736386</v>
      </c>
      <c r="M168">
        <v>1</v>
      </c>
      <c r="N168" t="s">
        <v>45</v>
      </c>
      <c r="O168" s="1">
        <v>42994.944444444445</v>
      </c>
      <c r="P168" s="1">
        <v>42994.944444444445</v>
      </c>
    </row>
    <row r="169" spans="1:16" x14ac:dyDescent="0.4">
      <c r="A169">
        <v>3635</v>
      </c>
      <c r="B169">
        <v>166366</v>
      </c>
      <c r="C169" s="1">
        <v>42995</v>
      </c>
      <c r="D169">
        <v>149</v>
      </c>
      <c r="E169">
        <v>121</v>
      </c>
      <c r="F169" t="s">
        <v>52</v>
      </c>
      <c r="G169">
        <v>20</v>
      </c>
      <c r="H169">
        <v>450</v>
      </c>
      <c r="I169">
        <v>1</v>
      </c>
      <c r="J169">
        <v>0</v>
      </c>
      <c r="K169">
        <v>736820</v>
      </c>
      <c r="L169">
        <v>736821</v>
      </c>
      <c r="M169">
        <v>84</v>
      </c>
      <c r="N169" t="s">
        <v>79</v>
      </c>
      <c r="O169" s="1">
        <v>42995.877083333333</v>
      </c>
      <c r="P169" s="1">
        <v>42995.879166666666</v>
      </c>
    </row>
    <row r="170" spans="1:16" x14ac:dyDescent="0.4">
      <c r="A170">
        <v>3636</v>
      </c>
      <c r="B170">
        <v>166397</v>
      </c>
      <c r="C170" s="1">
        <v>42996</v>
      </c>
      <c r="D170">
        <v>290</v>
      </c>
      <c r="E170">
        <v>1260</v>
      </c>
      <c r="F170" t="s">
        <v>22</v>
      </c>
      <c r="G170">
        <v>18</v>
      </c>
      <c r="H170">
        <v>500</v>
      </c>
      <c r="I170">
        <v>1</v>
      </c>
      <c r="J170">
        <v>0</v>
      </c>
      <c r="K170">
        <v>736961</v>
      </c>
      <c r="L170">
        <v>736962</v>
      </c>
      <c r="M170">
        <v>84</v>
      </c>
      <c r="N170" t="s">
        <v>79</v>
      </c>
      <c r="O170" s="1">
        <v>42996.488888888889</v>
      </c>
      <c r="P170" s="1">
        <v>42996.488888888889</v>
      </c>
    </row>
    <row r="171" spans="1:16" x14ac:dyDescent="0.4">
      <c r="A171">
        <v>3637</v>
      </c>
      <c r="B171">
        <v>166463</v>
      </c>
      <c r="C171" s="1">
        <v>42996</v>
      </c>
      <c r="D171">
        <v>148</v>
      </c>
      <c r="E171">
        <v>124</v>
      </c>
      <c r="F171" t="s">
        <v>35</v>
      </c>
      <c r="G171">
        <v>5</v>
      </c>
      <c r="H171">
        <v>450</v>
      </c>
      <c r="I171">
        <v>1</v>
      </c>
      <c r="J171">
        <v>0</v>
      </c>
      <c r="K171">
        <v>737227</v>
      </c>
      <c r="L171">
        <v>737228</v>
      </c>
      <c r="M171">
        <v>104</v>
      </c>
      <c r="N171" t="s">
        <v>48</v>
      </c>
      <c r="O171" s="1">
        <v>42997.082638888889</v>
      </c>
      <c r="P171" s="1">
        <v>42997.083333333336</v>
      </c>
    </row>
    <row r="172" spans="1:16" x14ac:dyDescent="0.4">
      <c r="A172">
        <v>3638</v>
      </c>
      <c r="B172">
        <v>166628</v>
      </c>
      <c r="C172" s="1">
        <v>42999</v>
      </c>
      <c r="D172">
        <v>186</v>
      </c>
      <c r="E172">
        <v>225</v>
      </c>
      <c r="F172" t="s">
        <v>34</v>
      </c>
      <c r="G172">
        <v>6</v>
      </c>
      <c r="H172">
        <v>350</v>
      </c>
      <c r="I172">
        <v>1</v>
      </c>
      <c r="J172">
        <v>0</v>
      </c>
      <c r="K172">
        <v>737888</v>
      </c>
      <c r="L172">
        <v>737889</v>
      </c>
      <c r="M172">
        <v>100</v>
      </c>
      <c r="N172" t="s">
        <v>1</v>
      </c>
      <c r="O172" s="1">
        <v>42999.92291666667</v>
      </c>
      <c r="P172" s="1">
        <v>42999.953472222223</v>
      </c>
    </row>
    <row r="173" spans="1:16" x14ac:dyDescent="0.4">
      <c r="A173">
        <v>3639</v>
      </c>
      <c r="B173">
        <v>166628</v>
      </c>
      <c r="C173" s="1">
        <v>42999</v>
      </c>
      <c r="D173">
        <v>57</v>
      </c>
      <c r="E173">
        <v>30</v>
      </c>
      <c r="F173" t="s">
        <v>60</v>
      </c>
      <c r="G173">
        <v>6</v>
      </c>
      <c r="H173">
        <v>320</v>
      </c>
      <c r="I173">
        <v>2</v>
      </c>
      <c r="J173">
        <v>0</v>
      </c>
      <c r="K173">
        <v>737890</v>
      </c>
      <c r="L173">
        <v>737891</v>
      </c>
      <c r="M173">
        <v>100</v>
      </c>
      <c r="N173" t="s">
        <v>1</v>
      </c>
      <c r="O173" s="1">
        <v>42999.92291666667</v>
      </c>
      <c r="P173" s="1">
        <v>42999.953472222223</v>
      </c>
    </row>
    <row r="174" spans="1:16" x14ac:dyDescent="0.4">
      <c r="A174">
        <v>3640</v>
      </c>
      <c r="B174">
        <v>166628</v>
      </c>
      <c r="C174" s="1">
        <v>42999</v>
      </c>
      <c r="D174">
        <v>90</v>
      </c>
      <c r="E174">
        <v>71</v>
      </c>
      <c r="F174" t="s">
        <v>91</v>
      </c>
      <c r="G174">
        <v>6</v>
      </c>
      <c r="H174">
        <v>400</v>
      </c>
      <c r="I174">
        <v>1</v>
      </c>
      <c r="J174">
        <v>0</v>
      </c>
      <c r="K174">
        <v>737892</v>
      </c>
      <c r="L174">
        <v>737893</v>
      </c>
      <c r="M174">
        <v>100</v>
      </c>
      <c r="N174" t="s">
        <v>1</v>
      </c>
      <c r="O174" s="1">
        <v>42999.92291666667</v>
      </c>
      <c r="P174" s="1">
        <v>42999.953472222223</v>
      </c>
    </row>
    <row r="175" spans="1:16" x14ac:dyDescent="0.4">
      <c r="A175">
        <v>3641</v>
      </c>
      <c r="B175">
        <v>166635</v>
      </c>
      <c r="C175" s="1">
        <v>42999</v>
      </c>
      <c r="D175">
        <v>246</v>
      </c>
      <c r="E175">
        <v>59</v>
      </c>
      <c r="F175" t="s">
        <v>92</v>
      </c>
      <c r="G175">
        <v>2</v>
      </c>
      <c r="H175">
        <v>400</v>
      </c>
      <c r="I175">
        <v>1</v>
      </c>
      <c r="J175">
        <v>0</v>
      </c>
      <c r="K175">
        <v>737904</v>
      </c>
      <c r="L175">
        <v>737905</v>
      </c>
      <c r="M175">
        <v>100</v>
      </c>
      <c r="N175" t="s">
        <v>1</v>
      </c>
      <c r="O175" s="1">
        <v>42999.923611111109</v>
      </c>
      <c r="P175" s="1">
        <v>42999.967361111114</v>
      </c>
    </row>
    <row r="176" spans="1:16" x14ac:dyDescent="0.4">
      <c r="A176">
        <v>3642</v>
      </c>
      <c r="B176">
        <v>166635</v>
      </c>
      <c r="C176" s="1">
        <v>42999</v>
      </c>
      <c r="D176">
        <v>90</v>
      </c>
      <c r="E176">
        <v>71</v>
      </c>
      <c r="F176" t="s">
        <v>91</v>
      </c>
      <c r="G176">
        <v>2</v>
      </c>
      <c r="H176">
        <v>400</v>
      </c>
      <c r="I176">
        <v>1</v>
      </c>
      <c r="J176">
        <v>0</v>
      </c>
      <c r="K176">
        <v>737906</v>
      </c>
      <c r="L176">
        <v>737907</v>
      </c>
      <c r="M176">
        <v>100</v>
      </c>
      <c r="N176" t="s">
        <v>1</v>
      </c>
      <c r="O176" s="1">
        <v>42999.923611111109</v>
      </c>
      <c r="P176" s="1">
        <v>42999.967361111114</v>
      </c>
    </row>
    <row r="177" spans="1:16" x14ac:dyDescent="0.4">
      <c r="A177">
        <v>3643</v>
      </c>
      <c r="B177">
        <v>166635</v>
      </c>
      <c r="C177" s="1">
        <v>42999</v>
      </c>
      <c r="D177">
        <v>71</v>
      </c>
      <c r="E177">
        <v>52</v>
      </c>
      <c r="F177" t="s">
        <v>23</v>
      </c>
      <c r="G177">
        <v>2</v>
      </c>
      <c r="H177">
        <v>400</v>
      </c>
      <c r="I177">
        <v>1</v>
      </c>
      <c r="J177">
        <v>0</v>
      </c>
      <c r="K177">
        <v>737908</v>
      </c>
      <c r="L177">
        <v>737909</v>
      </c>
      <c r="M177">
        <v>100</v>
      </c>
      <c r="N177" t="s">
        <v>1</v>
      </c>
      <c r="O177" s="1">
        <v>42999.933333333334</v>
      </c>
      <c r="P177" s="1">
        <v>42999.968055555553</v>
      </c>
    </row>
    <row r="178" spans="1:16" x14ac:dyDescent="0.4">
      <c r="A178">
        <v>3644</v>
      </c>
      <c r="B178">
        <v>166635</v>
      </c>
      <c r="C178" s="1">
        <v>42999</v>
      </c>
      <c r="D178">
        <v>86</v>
      </c>
      <c r="E178">
        <v>67</v>
      </c>
      <c r="F178" t="s">
        <v>93</v>
      </c>
      <c r="G178">
        <v>2</v>
      </c>
      <c r="H178">
        <v>400</v>
      </c>
      <c r="I178">
        <v>1</v>
      </c>
      <c r="J178">
        <v>0</v>
      </c>
      <c r="K178">
        <v>737910</v>
      </c>
      <c r="L178">
        <v>737911</v>
      </c>
      <c r="M178">
        <v>100</v>
      </c>
      <c r="N178" t="s">
        <v>1</v>
      </c>
      <c r="O178" s="1">
        <v>42999.933333333334</v>
      </c>
      <c r="P178" s="1">
        <v>42999.968055555553</v>
      </c>
    </row>
    <row r="179" spans="1:16" x14ac:dyDescent="0.4">
      <c r="A179">
        <v>3645</v>
      </c>
      <c r="B179">
        <v>166627</v>
      </c>
      <c r="C179" s="1">
        <v>42999</v>
      </c>
      <c r="D179">
        <v>60</v>
      </c>
      <c r="E179">
        <v>33</v>
      </c>
      <c r="F179" t="s">
        <v>86</v>
      </c>
      <c r="G179">
        <v>1</v>
      </c>
      <c r="H179">
        <v>320</v>
      </c>
      <c r="I179">
        <v>2</v>
      </c>
      <c r="J179">
        <v>0</v>
      </c>
      <c r="K179">
        <v>737912</v>
      </c>
      <c r="L179">
        <v>737913</v>
      </c>
      <c r="M179">
        <v>100</v>
      </c>
      <c r="N179" t="s">
        <v>1</v>
      </c>
      <c r="O179" s="1">
        <v>42999.894444444442</v>
      </c>
      <c r="P179" s="1">
        <v>42999.968055555553</v>
      </c>
    </row>
    <row r="180" spans="1:16" x14ac:dyDescent="0.4">
      <c r="A180">
        <v>3646</v>
      </c>
      <c r="B180">
        <v>166627</v>
      </c>
      <c r="C180" s="1">
        <v>42999</v>
      </c>
      <c r="D180">
        <v>57</v>
      </c>
      <c r="E180">
        <v>30</v>
      </c>
      <c r="F180" t="s">
        <v>60</v>
      </c>
      <c r="G180">
        <v>1</v>
      </c>
      <c r="H180">
        <v>320</v>
      </c>
      <c r="I180">
        <v>2</v>
      </c>
      <c r="J180">
        <v>0</v>
      </c>
      <c r="K180">
        <v>737914</v>
      </c>
      <c r="L180">
        <v>737915</v>
      </c>
      <c r="M180">
        <v>100</v>
      </c>
      <c r="N180" t="s">
        <v>1</v>
      </c>
      <c r="O180" s="1">
        <v>42999.921527777777</v>
      </c>
      <c r="P180" s="1">
        <v>42999.968055555553</v>
      </c>
    </row>
    <row r="181" spans="1:16" x14ac:dyDescent="0.4">
      <c r="A181">
        <v>3647</v>
      </c>
      <c r="B181">
        <v>166665</v>
      </c>
      <c r="C181" s="1">
        <v>43000</v>
      </c>
      <c r="D181">
        <v>125</v>
      </c>
      <c r="E181">
        <v>126</v>
      </c>
      <c r="F181" t="s">
        <v>8</v>
      </c>
      <c r="G181">
        <v>14</v>
      </c>
      <c r="H181">
        <v>380</v>
      </c>
      <c r="I181">
        <v>1</v>
      </c>
      <c r="J181">
        <v>0</v>
      </c>
      <c r="K181">
        <v>738027</v>
      </c>
      <c r="L181">
        <v>738028</v>
      </c>
      <c r="M181">
        <v>96</v>
      </c>
      <c r="N181" t="s">
        <v>7</v>
      </c>
      <c r="O181" s="1">
        <v>43000.731249999997</v>
      </c>
      <c r="P181" s="1">
        <v>43000.731944444444</v>
      </c>
    </row>
    <row r="182" spans="1:16" x14ac:dyDescent="0.4">
      <c r="A182">
        <v>3648</v>
      </c>
      <c r="B182">
        <v>167131</v>
      </c>
      <c r="C182" s="1">
        <v>43006</v>
      </c>
      <c r="D182">
        <v>147</v>
      </c>
      <c r="E182">
        <v>1131</v>
      </c>
      <c r="F182" t="s">
        <v>21</v>
      </c>
      <c r="G182">
        <v>6</v>
      </c>
      <c r="H182">
        <v>450</v>
      </c>
      <c r="I182">
        <v>1</v>
      </c>
      <c r="J182">
        <v>0</v>
      </c>
      <c r="K182">
        <v>740145</v>
      </c>
      <c r="L182">
        <v>740146</v>
      </c>
      <c r="M182">
        <v>100</v>
      </c>
      <c r="N182" t="s">
        <v>1</v>
      </c>
      <c r="O182" s="1">
        <v>43007.09097222222</v>
      </c>
      <c r="P182" s="1">
        <v>43007.092361111114</v>
      </c>
    </row>
    <row r="183" spans="1:16" x14ac:dyDescent="0.4">
      <c r="A183">
        <v>3649</v>
      </c>
      <c r="B183">
        <v>167304</v>
      </c>
      <c r="C183" s="1">
        <v>43008</v>
      </c>
      <c r="D183">
        <v>122</v>
      </c>
      <c r="E183">
        <v>142</v>
      </c>
      <c r="F183" t="s">
        <v>25</v>
      </c>
      <c r="G183">
        <v>8</v>
      </c>
      <c r="H183">
        <v>350</v>
      </c>
      <c r="I183">
        <v>1</v>
      </c>
      <c r="J183">
        <v>0</v>
      </c>
      <c r="K183">
        <v>741002</v>
      </c>
      <c r="L183">
        <v>741003</v>
      </c>
      <c r="M183">
        <v>30</v>
      </c>
      <c r="O183" s="1">
        <v>43009.030555555553</v>
      </c>
      <c r="P183" s="1">
        <v>43009.03125</v>
      </c>
    </row>
    <row r="184" spans="1:16" x14ac:dyDescent="0.4">
      <c r="A184">
        <v>3650</v>
      </c>
      <c r="B184">
        <v>167331</v>
      </c>
      <c r="C184" s="1">
        <v>43009</v>
      </c>
      <c r="D184">
        <v>290</v>
      </c>
      <c r="E184">
        <v>1260</v>
      </c>
      <c r="F184" t="s">
        <v>22</v>
      </c>
      <c r="G184">
        <v>7</v>
      </c>
      <c r="H184">
        <v>500</v>
      </c>
      <c r="I184">
        <v>1</v>
      </c>
      <c r="J184">
        <v>0</v>
      </c>
      <c r="K184">
        <v>741162</v>
      </c>
      <c r="L184">
        <v>741163</v>
      </c>
      <c r="M184">
        <v>0</v>
      </c>
      <c r="N184" t="s">
        <v>94</v>
      </c>
      <c r="O184" s="1">
        <v>43009.450694444444</v>
      </c>
      <c r="P184" s="1">
        <v>43009.451388888891</v>
      </c>
    </row>
    <row r="185" spans="1:16" x14ac:dyDescent="0.4">
      <c r="A185">
        <v>3651</v>
      </c>
      <c r="B185">
        <v>167568</v>
      </c>
      <c r="C185" s="1">
        <v>43013</v>
      </c>
      <c r="D185">
        <v>157</v>
      </c>
      <c r="E185">
        <v>113</v>
      </c>
      <c r="F185" t="s">
        <v>59</v>
      </c>
      <c r="G185">
        <v>2</v>
      </c>
      <c r="H185">
        <v>550</v>
      </c>
      <c r="I185">
        <v>1</v>
      </c>
      <c r="J185">
        <v>0</v>
      </c>
      <c r="K185">
        <v>742108</v>
      </c>
      <c r="L185">
        <v>742109</v>
      </c>
      <c r="M185">
        <v>102</v>
      </c>
      <c r="N185" t="s">
        <v>27</v>
      </c>
      <c r="O185" s="1">
        <v>43013.757638888892</v>
      </c>
      <c r="P185" s="1">
        <v>43013.757638888892</v>
      </c>
    </row>
    <row r="186" spans="1:16" x14ac:dyDescent="0.4">
      <c r="A186">
        <v>3652</v>
      </c>
      <c r="B186">
        <v>167726</v>
      </c>
      <c r="C186" s="1">
        <v>43015</v>
      </c>
      <c r="D186">
        <v>163</v>
      </c>
      <c r="E186">
        <v>104</v>
      </c>
      <c r="F186" t="s">
        <v>69</v>
      </c>
      <c r="G186">
        <v>7</v>
      </c>
      <c r="H186">
        <v>500</v>
      </c>
      <c r="I186">
        <v>1</v>
      </c>
      <c r="J186">
        <v>0</v>
      </c>
      <c r="K186">
        <v>742819</v>
      </c>
      <c r="L186">
        <v>742820</v>
      </c>
      <c r="M186">
        <v>99</v>
      </c>
      <c r="N186" t="s">
        <v>43</v>
      </c>
      <c r="O186" s="1">
        <v>43015.9</v>
      </c>
      <c r="P186" s="1">
        <v>43015.901388888888</v>
      </c>
    </row>
    <row r="187" spans="1:16" x14ac:dyDescent="0.4">
      <c r="A187">
        <v>3656</v>
      </c>
      <c r="B187">
        <v>167780</v>
      </c>
      <c r="C187" s="1">
        <v>43016</v>
      </c>
      <c r="D187">
        <v>97</v>
      </c>
      <c r="E187">
        <v>21</v>
      </c>
      <c r="F187" t="s">
        <v>6</v>
      </c>
      <c r="G187">
        <v>20</v>
      </c>
      <c r="H187">
        <v>420</v>
      </c>
      <c r="I187">
        <v>2</v>
      </c>
      <c r="J187">
        <v>0</v>
      </c>
      <c r="K187">
        <v>743098</v>
      </c>
      <c r="L187">
        <v>743099</v>
      </c>
      <c r="M187">
        <v>89</v>
      </c>
      <c r="N187" t="s">
        <v>44</v>
      </c>
      <c r="O187" s="1">
        <v>43016.436805555553</v>
      </c>
      <c r="P187" s="1">
        <v>43016.436805555553</v>
      </c>
    </row>
    <row r="188" spans="1:16" x14ac:dyDescent="0.4">
      <c r="A188">
        <v>3659</v>
      </c>
      <c r="B188">
        <v>167872</v>
      </c>
      <c r="C188" s="1">
        <v>43017</v>
      </c>
      <c r="D188">
        <v>163</v>
      </c>
      <c r="E188">
        <v>104</v>
      </c>
      <c r="F188" t="s">
        <v>69</v>
      </c>
      <c r="G188">
        <v>4</v>
      </c>
      <c r="H188">
        <v>500</v>
      </c>
      <c r="I188">
        <v>1</v>
      </c>
      <c r="J188">
        <v>0</v>
      </c>
      <c r="K188">
        <v>743506</v>
      </c>
      <c r="L188">
        <v>743507</v>
      </c>
      <c r="M188">
        <v>96</v>
      </c>
      <c r="N188" t="s">
        <v>7</v>
      </c>
      <c r="O188" s="1">
        <v>43017.439583333333</v>
      </c>
      <c r="P188" s="1">
        <v>43017.440972222219</v>
      </c>
    </row>
    <row r="189" spans="1:16" x14ac:dyDescent="0.4">
      <c r="A189">
        <v>3664</v>
      </c>
      <c r="B189">
        <v>168040</v>
      </c>
      <c r="C189" s="1">
        <v>43019</v>
      </c>
      <c r="D189">
        <v>158</v>
      </c>
      <c r="E189">
        <v>117</v>
      </c>
      <c r="F189" t="s">
        <v>20</v>
      </c>
      <c r="G189">
        <v>1</v>
      </c>
      <c r="H189">
        <v>500</v>
      </c>
      <c r="I189">
        <v>1</v>
      </c>
      <c r="J189">
        <v>0</v>
      </c>
      <c r="K189">
        <v>744221</v>
      </c>
      <c r="L189">
        <v>744222</v>
      </c>
      <c r="M189">
        <v>82</v>
      </c>
      <c r="N189" t="s">
        <v>87</v>
      </c>
      <c r="O189" s="1">
        <v>43020.192361111112</v>
      </c>
      <c r="P189" s="1">
        <v>43020.194444444445</v>
      </c>
    </row>
    <row r="190" spans="1:16" x14ac:dyDescent="0.4">
      <c r="A190">
        <v>3666</v>
      </c>
      <c r="B190">
        <v>168360</v>
      </c>
      <c r="C190" s="1">
        <v>43023</v>
      </c>
      <c r="D190">
        <v>149</v>
      </c>
      <c r="E190">
        <v>121</v>
      </c>
      <c r="F190" t="s">
        <v>52</v>
      </c>
      <c r="G190">
        <v>3</v>
      </c>
      <c r="H190">
        <v>450</v>
      </c>
      <c r="I190">
        <v>1</v>
      </c>
      <c r="J190">
        <v>0</v>
      </c>
      <c r="K190">
        <v>745705</v>
      </c>
      <c r="L190">
        <v>745706</v>
      </c>
      <c r="M190">
        <v>1</v>
      </c>
      <c r="N190" t="s">
        <v>45</v>
      </c>
      <c r="O190" s="1">
        <v>43024.154166666667</v>
      </c>
      <c r="P190" s="1">
        <v>43024.198611111111</v>
      </c>
    </row>
    <row r="191" spans="1:16" x14ac:dyDescent="0.4">
      <c r="A191">
        <v>3667</v>
      </c>
      <c r="B191">
        <v>168421</v>
      </c>
      <c r="C191" s="1">
        <v>43025</v>
      </c>
      <c r="D191">
        <v>125</v>
      </c>
      <c r="E191">
        <v>126</v>
      </c>
      <c r="F191" t="s">
        <v>8</v>
      </c>
      <c r="G191">
        <v>4</v>
      </c>
      <c r="H191">
        <v>380</v>
      </c>
      <c r="I191">
        <v>1</v>
      </c>
      <c r="J191">
        <v>0</v>
      </c>
      <c r="K191">
        <v>745974</v>
      </c>
      <c r="L191">
        <v>745975</v>
      </c>
      <c r="M191">
        <v>96</v>
      </c>
      <c r="N191" t="s">
        <v>7</v>
      </c>
      <c r="O191" s="1">
        <v>43025.554166666669</v>
      </c>
      <c r="P191" s="1">
        <v>43025.67083333333</v>
      </c>
    </row>
    <row r="192" spans="1:16" x14ac:dyDescent="0.4">
      <c r="A192">
        <v>3670</v>
      </c>
      <c r="B192">
        <v>168550</v>
      </c>
      <c r="C192" s="1">
        <v>43027</v>
      </c>
      <c r="D192">
        <v>159</v>
      </c>
      <c r="E192">
        <v>118</v>
      </c>
      <c r="F192" t="s">
        <v>95</v>
      </c>
      <c r="G192">
        <v>3</v>
      </c>
      <c r="H192">
        <v>500</v>
      </c>
      <c r="I192">
        <v>1</v>
      </c>
      <c r="J192">
        <v>0</v>
      </c>
      <c r="K192">
        <v>746438</v>
      </c>
      <c r="L192">
        <v>746439</v>
      </c>
      <c r="M192">
        <v>16</v>
      </c>
      <c r="N192" t="s">
        <v>64</v>
      </c>
      <c r="O192" s="1">
        <v>43027.90902777778</v>
      </c>
      <c r="P192" s="1">
        <v>43027.918749999997</v>
      </c>
    </row>
    <row r="193" spans="1:16" x14ac:dyDescent="0.4">
      <c r="A193">
        <v>3671</v>
      </c>
      <c r="B193">
        <v>168728</v>
      </c>
      <c r="C193" s="1">
        <v>43029</v>
      </c>
      <c r="D193">
        <v>216</v>
      </c>
      <c r="E193">
        <v>295</v>
      </c>
      <c r="F193" t="s">
        <v>96</v>
      </c>
      <c r="G193">
        <v>4</v>
      </c>
      <c r="H193">
        <v>250</v>
      </c>
      <c r="I193">
        <v>1</v>
      </c>
      <c r="J193">
        <v>0</v>
      </c>
      <c r="K193">
        <v>747262</v>
      </c>
      <c r="L193">
        <v>747263</v>
      </c>
      <c r="M193">
        <v>29</v>
      </c>
      <c r="N193" t="s">
        <v>97</v>
      </c>
      <c r="O193" s="1">
        <v>43030.106249999997</v>
      </c>
      <c r="P193" s="1">
        <v>43030.109722222223</v>
      </c>
    </row>
    <row r="194" spans="1:16" x14ac:dyDescent="0.4">
      <c r="A194">
        <v>3672</v>
      </c>
      <c r="B194">
        <v>168798</v>
      </c>
      <c r="C194" s="1">
        <v>43031</v>
      </c>
      <c r="D194">
        <v>291</v>
      </c>
      <c r="E194">
        <v>122</v>
      </c>
      <c r="F194" t="s">
        <v>98</v>
      </c>
      <c r="G194">
        <v>2</v>
      </c>
      <c r="H194">
        <v>400</v>
      </c>
      <c r="I194">
        <v>1</v>
      </c>
      <c r="J194">
        <v>0</v>
      </c>
      <c r="K194">
        <v>747504</v>
      </c>
      <c r="L194">
        <v>747505</v>
      </c>
      <c r="M194">
        <v>96</v>
      </c>
      <c r="N194" t="s">
        <v>7</v>
      </c>
      <c r="O194" s="1">
        <v>43031.466666666667</v>
      </c>
      <c r="P194" s="1">
        <v>43031.469444444447</v>
      </c>
    </row>
    <row r="195" spans="1:16" x14ac:dyDescent="0.4">
      <c r="A195">
        <v>3674</v>
      </c>
      <c r="B195">
        <v>168938</v>
      </c>
      <c r="C195" s="1">
        <v>43033</v>
      </c>
      <c r="D195">
        <v>213</v>
      </c>
      <c r="E195">
        <v>211</v>
      </c>
      <c r="F195" t="s">
        <v>46</v>
      </c>
      <c r="G195">
        <v>7</v>
      </c>
      <c r="H195">
        <v>0</v>
      </c>
      <c r="I195">
        <v>2</v>
      </c>
      <c r="J195">
        <v>0</v>
      </c>
      <c r="K195">
        <v>748024</v>
      </c>
      <c r="L195">
        <v>748025</v>
      </c>
      <c r="M195">
        <v>106</v>
      </c>
      <c r="N195" t="s">
        <v>99</v>
      </c>
      <c r="O195" s="1">
        <v>43033.888888888891</v>
      </c>
      <c r="P195" s="1">
        <v>43033.888888888891</v>
      </c>
    </row>
    <row r="196" spans="1:16" x14ac:dyDescent="0.4">
      <c r="A196">
        <v>3677</v>
      </c>
      <c r="B196">
        <v>169076</v>
      </c>
      <c r="C196" s="1">
        <v>43035</v>
      </c>
      <c r="D196">
        <v>186</v>
      </c>
      <c r="E196">
        <v>225</v>
      </c>
      <c r="F196" t="s">
        <v>34</v>
      </c>
      <c r="G196">
        <v>6</v>
      </c>
      <c r="H196">
        <v>350</v>
      </c>
      <c r="I196">
        <v>1</v>
      </c>
      <c r="J196">
        <v>0</v>
      </c>
      <c r="K196">
        <v>748677</v>
      </c>
      <c r="L196">
        <v>748678</v>
      </c>
      <c r="M196">
        <v>1</v>
      </c>
      <c r="N196" t="s">
        <v>45</v>
      </c>
      <c r="O196" s="1">
        <v>43036.09097222222</v>
      </c>
      <c r="P196" s="1">
        <v>43036.117361111108</v>
      </c>
    </row>
    <row r="197" spans="1:16" x14ac:dyDescent="0.4">
      <c r="A197">
        <v>3683</v>
      </c>
      <c r="B197">
        <v>169211</v>
      </c>
      <c r="C197" s="1">
        <v>43037</v>
      </c>
      <c r="D197">
        <v>125</v>
      </c>
      <c r="E197">
        <v>126</v>
      </c>
      <c r="F197" t="s">
        <v>8</v>
      </c>
      <c r="G197">
        <v>4</v>
      </c>
      <c r="H197">
        <v>380</v>
      </c>
      <c r="I197">
        <v>1</v>
      </c>
      <c r="J197">
        <v>0</v>
      </c>
      <c r="K197">
        <v>749303</v>
      </c>
      <c r="L197">
        <v>749304</v>
      </c>
      <c r="M197">
        <v>93</v>
      </c>
      <c r="N197" t="s">
        <v>76</v>
      </c>
      <c r="O197" s="1">
        <v>43037.795138888891</v>
      </c>
      <c r="P197" s="1">
        <v>43037.798611111109</v>
      </c>
    </row>
    <row r="198" spans="1:16" x14ac:dyDescent="0.4">
      <c r="A198">
        <v>3686</v>
      </c>
      <c r="B198">
        <v>169521</v>
      </c>
      <c r="C198" s="1">
        <v>43042</v>
      </c>
      <c r="D198">
        <v>280</v>
      </c>
      <c r="E198">
        <v>1266</v>
      </c>
      <c r="F198" t="s">
        <v>13</v>
      </c>
      <c r="G198">
        <v>7</v>
      </c>
      <c r="H198">
        <v>680</v>
      </c>
      <c r="I198">
        <v>1</v>
      </c>
      <c r="J198">
        <v>0</v>
      </c>
      <c r="K198">
        <v>750564</v>
      </c>
      <c r="L198">
        <v>750565</v>
      </c>
      <c r="M198">
        <v>99</v>
      </c>
      <c r="N198" t="s">
        <v>43</v>
      </c>
      <c r="O198" s="1">
        <v>43042.981249999997</v>
      </c>
      <c r="P198" s="1">
        <v>43042.981249999997</v>
      </c>
    </row>
    <row r="199" spans="1:16" x14ac:dyDescent="0.4">
      <c r="A199">
        <v>3687</v>
      </c>
      <c r="B199">
        <v>169613</v>
      </c>
      <c r="C199" s="1">
        <v>43043</v>
      </c>
      <c r="D199">
        <v>62</v>
      </c>
      <c r="E199">
        <v>35</v>
      </c>
      <c r="F199" t="s">
        <v>100</v>
      </c>
      <c r="G199">
        <v>2</v>
      </c>
      <c r="H199">
        <v>0</v>
      </c>
      <c r="I199">
        <v>1</v>
      </c>
      <c r="J199">
        <v>0</v>
      </c>
      <c r="K199">
        <v>751053</v>
      </c>
      <c r="L199">
        <v>751054</v>
      </c>
      <c r="M199">
        <v>96</v>
      </c>
      <c r="N199" t="s">
        <v>7</v>
      </c>
      <c r="O199" s="1">
        <v>43044</v>
      </c>
      <c r="P199" s="1">
        <v>43044</v>
      </c>
    </row>
    <row r="200" spans="1:16" x14ac:dyDescent="0.4">
      <c r="A200">
        <v>3688</v>
      </c>
      <c r="B200">
        <v>169698</v>
      </c>
      <c r="C200" s="1">
        <v>43044</v>
      </c>
      <c r="D200">
        <v>213</v>
      </c>
      <c r="E200">
        <v>211</v>
      </c>
      <c r="F200" t="s">
        <v>46</v>
      </c>
      <c r="G200">
        <v>2</v>
      </c>
      <c r="H200">
        <v>0</v>
      </c>
      <c r="I200">
        <v>2</v>
      </c>
      <c r="J200">
        <v>0</v>
      </c>
      <c r="K200">
        <v>751420</v>
      </c>
      <c r="L200">
        <v>751421</v>
      </c>
      <c r="M200">
        <v>1</v>
      </c>
      <c r="N200" t="s">
        <v>45</v>
      </c>
      <c r="O200" s="1">
        <v>43045.057638888888</v>
      </c>
      <c r="P200" s="1">
        <v>43045.064583333333</v>
      </c>
    </row>
    <row r="201" spans="1:16" x14ac:dyDescent="0.4">
      <c r="A201">
        <v>3689</v>
      </c>
      <c r="B201">
        <v>169701</v>
      </c>
      <c r="C201" s="1">
        <v>43044</v>
      </c>
      <c r="D201">
        <v>216</v>
      </c>
      <c r="E201">
        <v>295</v>
      </c>
      <c r="F201" t="s">
        <v>96</v>
      </c>
      <c r="G201">
        <v>3</v>
      </c>
      <c r="H201">
        <v>250</v>
      </c>
      <c r="I201">
        <v>1</v>
      </c>
      <c r="J201">
        <v>0</v>
      </c>
      <c r="K201">
        <v>751449</v>
      </c>
      <c r="L201">
        <v>751450</v>
      </c>
      <c r="M201">
        <v>1</v>
      </c>
      <c r="N201" t="s">
        <v>45</v>
      </c>
      <c r="O201" s="1">
        <v>43045.201388888891</v>
      </c>
      <c r="P201" s="1">
        <v>43045.204861111109</v>
      </c>
    </row>
    <row r="202" spans="1:16" x14ac:dyDescent="0.4">
      <c r="A202">
        <v>3690</v>
      </c>
      <c r="B202">
        <v>169701</v>
      </c>
      <c r="C202" s="1">
        <v>43044</v>
      </c>
      <c r="D202">
        <v>125</v>
      </c>
      <c r="E202">
        <v>126</v>
      </c>
      <c r="F202" t="s">
        <v>8</v>
      </c>
      <c r="G202">
        <v>3</v>
      </c>
      <c r="H202">
        <v>380</v>
      </c>
      <c r="I202">
        <v>1</v>
      </c>
      <c r="J202">
        <v>0</v>
      </c>
      <c r="K202">
        <v>751451</v>
      </c>
      <c r="L202">
        <v>751452</v>
      </c>
      <c r="M202">
        <v>1</v>
      </c>
      <c r="N202" t="s">
        <v>45</v>
      </c>
      <c r="O202" s="1">
        <v>43045.201388888891</v>
      </c>
      <c r="P202" s="1">
        <v>43045.204861111109</v>
      </c>
    </row>
    <row r="203" spans="1:16" x14ac:dyDescent="0.4">
      <c r="A203">
        <v>3691</v>
      </c>
      <c r="B203">
        <v>169701</v>
      </c>
      <c r="C203" s="1">
        <v>43044</v>
      </c>
      <c r="D203">
        <v>161</v>
      </c>
      <c r="E203">
        <v>115</v>
      </c>
      <c r="F203" t="s">
        <v>101</v>
      </c>
      <c r="G203">
        <v>3</v>
      </c>
      <c r="H203">
        <v>550</v>
      </c>
      <c r="I203">
        <v>1</v>
      </c>
      <c r="J203">
        <v>0</v>
      </c>
      <c r="K203">
        <v>751453</v>
      </c>
      <c r="L203">
        <v>751454</v>
      </c>
      <c r="M203">
        <v>1</v>
      </c>
      <c r="N203" t="s">
        <v>45</v>
      </c>
      <c r="O203" s="1">
        <v>43045.20416666667</v>
      </c>
      <c r="P203" s="1">
        <v>43045.204861111109</v>
      </c>
    </row>
    <row r="204" spans="1:16" x14ac:dyDescent="0.4">
      <c r="A204">
        <v>3692</v>
      </c>
      <c r="B204">
        <v>169701</v>
      </c>
      <c r="C204" s="1">
        <v>43044</v>
      </c>
      <c r="D204">
        <v>16</v>
      </c>
      <c r="E204">
        <v>120</v>
      </c>
      <c r="F204" t="s">
        <v>58</v>
      </c>
      <c r="G204">
        <v>3</v>
      </c>
      <c r="H204">
        <v>450</v>
      </c>
      <c r="I204">
        <v>1</v>
      </c>
      <c r="J204">
        <v>0</v>
      </c>
      <c r="K204">
        <v>751456</v>
      </c>
      <c r="L204">
        <v>751457</v>
      </c>
      <c r="M204">
        <v>1</v>
      </c>
      <c r="N204" t="s">
        <v>45</v>
      </c>
      <c r="O204" s="1">
        <v>43045.20416666667</v>
      </c>
      <c r="P204" s="1">
        <v>43045.204861111109</v>
      </c>
    </row>
    <row r="205" spans="1:16" x14ac:dyDescent="0.4">
      <c r="A205">
        <v>3693</v>
      </c>
      <c r="B205">
        <v>169836</v>
      </c>
      <c r="C205" s="1">
        <v>43047</v>
      </c>
      <c r="D205">
        <v>290</v>
      </c>
      <c r="E205">
        <v>1260</v>
      </c>
      <c r="F205" t="s">
        <v>22</v>
      </c>
      <c r="G205">
        <v>2</v>
      </c>
      <c r="H205">
        <v>500</v>
      </c>
      <c r="I205">
        <v>1</v>
      </c>
      <c r="J205">
        <v>0</v>
      </c>
      <c r="K205">
        <v>751947</v>
      </c>
      <c r="L205">
        <v>751948</v>
      </c>
      <c r="M205">
        <v>29</v>
      </c>
      <c r="N205" t="s">
        <v>97</v>
      </c>
      <c r="O205" s="1">
        <v>43047.87777777778</v>
      </c>
      <c r="P205" s="1">
        <v>43047.923611111109</v>
      </c>
    </row>
    <row r="206" spans="1:16" x14ac:dyDescent="0.4">
      <c r="A206">
        <v>3694</v>
      </c>
      <c r="B206">
        <v>169896</v>
      </c>
      <c r="C206" s="1">
        <v>43049</v>
      </c>
      <c r="D206">
        <v>305</v>
      </c>
      <c r="E206">
        <v>3125</v>
      </c>
      <c r="F206" t="s">
        <v>102</v>
      </c>
      <c r="G206">
        <v>15</v>
      </c>
      <c r="H206">
        <v>0</v>
      </c>
      <c r="I206">
        <v>1</v>
      </c>
      <c r="J206">
        <v>0</v>
      </c>
      <c r="K206">
        <v>752207</v>
      </c>
      <c r="L206">
        <v>752208</v>
      </c>
      <c r="M206">
        <v>97</v>
      </c>
      <c r="N206" t="s">
        <v>3</v>
      </c>
      <c r="O206" s="1">
        <v>43049.645833333336</v>
      </c>
      <c r="P206" s="1">
        <v>43049.725694444445</v>
      </c>
    </row>
    <row r="207" spans="1:16" x14ac:dyDescent="0.4">
      <c r="A207">
        <v>3695</v>
      </c>
      <c r="B207">
        <v>170155</v>
      </c>
      <c r="C207" s="1">
        <v>43052</v>
      </c>
      <c r="D207">
        <v>125</v>
      </c>
      <c r="E207">
        <v>126</v>
      </c>
      <c r="F207" t="s">
        <v>8</v>
      </c>
      <c r="G207">
        <v>11</v>
      </c>
      <c r="H207">
        <v>380</v>
      </c>
      <c r="I207">
        <v>1</v>
      </c>
      <c r="J207">
        <v>0</v>
      </c>
      <c r="K207">
        <v>753296</v>
      </c>
      <c r="L207">
        <v>753297</v>
      </c>
      <c r="M207">
        <v>96</v>
      </c>
      <c r="N207" t="s">
        <v>7</v>
      </c>
      <c r="O207" s="1">
        <v>43052.617361111108</v>
      </c>
      <c r="P207" s="1">
        <v>43052.70208333333</v>
      </c>
    </row>
    <row r="208" spans="1:16" x14ac:dyDescent="0.4">
      <c r="A208">
        <v>3696</v>
      </c>
      <c r="B208">
        <v>170174</v>
      </c>
      <c r="C208" s="1">
        <v>43052</v>
      </c>
      <c r="D208">
        <v>123</v>
      </c>
      <c r="E208">
        <v>137</v>
      </c>
      <c r="F208" t="s">
        <v>39</v>
      </c>
      <c r="G208">
        <v>2</v>
      </c>
      <c r="H208">
        <v>380</v>
      </c>
      <c r="I208">
        <v>1</v>
      </c>
      <c r="J208">
        <v>0</v>
      </c>
      <c r="K208">
        <v>753376</v>
      </c>
      <c r="L208">
        <v>753377</v>
      </c>
      <c r="M208">
        <v>1</v>
      </c>
      <c r="N208" t="s">
        <v>45</v>
      </c>
      <c r="O208" s="1">
        <v>43052.945138888892</v>
      </c>
      <c r="P208" s="1">
        <v>43052.977083333331</v>
      </c>
    </row>
    <row r="209" spans="1:16" x14ac:dyDescent="0.4">
      <c r="A209">
        <v>3697</v>
      </c>
      <c r="B209">
        <v>170323</v>
      </c>
      <c r="C209" s="1">
        <v>43055</v>
      </c>
      <c r="D209">
        <v>57</v>
      </c>
      <c r="E209">
        <v>30</v>
      </c>
      <c r="F209" t="s">
        <v>60</v>
      </c>
      <c r="G209">
        <v>13</v>
      </c>
      <c r="H209">
        <v>320</v>
      </c>
      <c r="I209">
        <v>2</v>
      </c>
      <c r="J209">
        <v>0</v>
      </c>
      <c r="K209">
        <v>753975</v>
      </c>
      <c r="L209">
        <v>753976</v>
      </c>
      <c r="M209">
        <v>99</v>
      </c>
      <c r="N209" t="s">
        <v>43</v>
      </c>
      <c r="O209" s="1">
        <v>43055.920138888891</v>
      </c>
      <c r="P209" s="1">
        <v>43055.930555555555</v>
      </c>
    </row>
    <row r="210" spans="1:16" x14ac:dyDescent="0.4">
      <c r="A210">
        <v>3698</v>
      </c>
      <c r="B210">
        <v>170792</v>
      </c>
      <c r="C210" s="1">
        <v>43063</v>
      </c>
      <c r="D210">
        <v>125</v>
      </c>
      <c r="E210">
        <v>126</v>
      </c>
      <c r="F210" t="s">
        <v>8</v>
      </c>
      <c r="G210">
        <v>12</v>
      </c>
      <c r="H210">
        <v>380</v>
      </c>
      <c r="I210">
        <v>1</v>
      </c>
      <c r="J210">
        <v>0</v>
      </c>
      <c r="K210">
        <v>756117</v>
      </c>
      <c r="L210">
        <v>756118</v>
      </c>
      <c r="M210">
        <v>96</v>
      </c>
      <c r="N210" t="s">
        <v>7</v>
      </c>
      <c r="O210" s="1">
        <v>43063.734027777777</v>
      </c>
      <c r="P210" s="1">
        <v>43063.742361111108</v>
      </c>
    </row>
    <row r="211" spans="1:16" x14ac:dyDescent="0.4">
      <c r="A211">
        <v>3699</v>
      </c>
      <c r="B211">
        <v>170792</v>
      </c>
      <c r="C211" s="1">
        <v>43063</v>
      </c>
      <c r="D211">
        <v>291</v>
      </c>
      <c r="E211">
        <v>122</v>
      </c>
      <c r="F211" t="s">
        <v>98</v>
      </c>
      <c r="G211">
        <v>12</v>
      </c>
      <c r="H211">
        <v>400</v>
      </c>
      <c r="I211">
        <v>1</v>
      </c>
      <c r="J211">
        <v>0</v>
      </c>
      <c r="K211">
        <v>756119</v>
      </c>
      <c r="L211">
        <v>756120</v>
      </c>
      <c r="M211">
        <v>96</v>
      </c>
      <c r="N211" t="s">
        <v>7</v>
      </c>
      <c r="O211" s="1">
        <v>43063.734027777777</v>
      </c>
      <c r="P211" s="1">
        <v>43063.742361111108</v>
      </c>
    </row>
    <row r="212" spans="1:16" x14ac:dyDescent="0.4">
      <c r="A212">
        <v>3700</v>
      </c>
      <c r="B212">
        <v>170882</v>
      </c>
      <c r="C212" s="1">
        <v>43064</v>
      </c>
      <c r="D212">
        <v>144</v>
      </c>
      <c r="E212">
        <v>130</v>
      </c>
      <c r="F212" t="s">
        <v>42</v>
      </c>
      <c r="G212">
        <v>18</v>
      </c>
      <c r="H212">
        <v>200</v>
      </c>
      <c r="I212">
        <v>1</v>
      </c>
      <c r="J212">
        <v>0</v>
      </c>
      <c r="K212">
        <v>756552</v>
      </c>
      <c r="L212">
        <v>756553</v>
      </c>
      <c r="M212">
        <v>93</v>
      </c>
      <c r="N212" t="s">
        <v>76</v>
      </c>
      <c r="O212" s="1">
        <v>43064.604166666664</v>
      </c>
      <c r="P212" s="1">
        <v>43064.7</v>
      </c>
    </row>
    <row r="213" spans="1:16" x14ac:dyDescent="0.4">
      <c r="A213">
        <v>3701</v>
      </c>
      <c r="B213">
        <v>170882</v>
      </c>
      <c r="C213" s="1">
        <v>43064</v>
      </c>
      <c r="D213">
        <v>99</v>
      </c>
      <c r="E213">
        <v>23</v>
      </c>
      <c r="F213" t="s">
        <v>103</v>
      </c>
      <c r="G213">
        <v>18</v>
      </c>
      <c r="H213">
        <v>480</v>
      </c>
      <c r="I213">
        <v>1</v>
      </c>
      <c r="J213">
        <v>0</v>
      </c>
      <c r="K213">
        <v>756554</v>
      </c>
      <c r="L213">
        <v>756555</v>
      </c>
      <c r="M213">
        <v>93</v>
      </c>
      <c r="N213" t="s">
        <v>76</v>
      </c>
      <c r="O213" s="1">
        <v>43064.647916666669</v>
      </c>
      <c r="P213" s="1">
        <v>43064.7</v>
      </c>
    </row>
    <row r="214" spans="1:16" x14ac:dyDescent="0.4">
      <c r="A214">
        <v>3702</v>
      </c>
      <c r="B214">
        <v>170914</v>
      </c>
      <c r="C214" s="1">
        <v>43064</v>
      </c>
      <c r="D214">
        <v>65</v>
      </c>
      <c r="E214">
        <v>38</v>
      </c>
      <c r="F214" t="s">
        <v>80</v>
      </c>
      <c r="G214">
        <v>3</v>
      </c>
      <c r="H214">
        <v>0</v>
      </c>
      <c r="I214">
        <v>2</v>
      </c>
      <c r="J214">
        <v>0</v>
      </c>
      <c r="K214">
        <v>756661</v>
      </c>
      <c r="L214">
        <v>756662</v>
      </c>
      <c r="M214">
        <v>1</v>
      </c>
      <c r="N214" t="s">
        <v>45</v>
      </c>
      <c r="O214" s="1">
        <v>43064.907638888886</v>
      </c>
      <c r="P214" s="1">
        <v>43064.907638888886</v>
      </c>
    </row>
    <row r="215" spans="1:16" x14ac:dyDescent="0.4">
      <c r="A215">
        <v>3703</v>
      </c>
      <c r="B215">
        <v>170943</v>
      </c>
      <c r="C215" s="1">
        <v>43064</v>
      </c>
      <c r="D215">
        <v>248</v>
      </c>
      <c r="E215">
        <v>240</v>
      </c>
      <c r="F215" t="s">
        <v>104</v>
      </c>
      <c r="G215">
        <v>12</v>
      </c>
      <c r="H215">
        <v>420</v>
      </c>
      <c r="I215">
        <v>1</v>
      </c>
      <c r="J215">
        <v>0</v>
      </c>
      <c r="K215">
        <v>756875</v>
      </c>
      <c r="L215">
        <v>756876</v>
      </c>
      <c r="M215">
        <v>101</v>
      </c>
      <c r="N215" t="s">
        <v>83</v>
      </c>
      <c r="O215" s="1">
        <v>43065.192361111112</v>
      </c>
      <c r="P215" s="1">
        <v>43065.193749999999</v>
      </c>
    </row>
    <row r="216" spans="1:16" x14ac:dyDescent="0.4">
      <c r="A216">
        <v>3704</v>
      </c>
      <c r="B216">
        <v>170943</v>
      </c>
      <c r="C216" s="1">
        <v>43064</v>
      </c>
      <c r="D216">
        <v>316</v>
      </c>
      <c r="E216">
        <v>245</v>
      </c>
      <c r="F216" t="s">
        <v>105</v>
      </c>
      <c r="G216">
        <v>12</v>
      </c>
      <c r="H216">
        <v>480</v>
      </c>
      <c r="I216">
        <v>1</v>
      </c>
      <c r="J216">
        <v>0</v>
      </c>
      <c r="K216">
        <v>756877</v>
      </c>
      <c r="L216">
        <v>756878</v>
      </c>
      <c r="M216">
        <v>101</v>
      </c>
      <c r="N216" t="s">
        <v>83</v>
      </c>
      <c r="O216" s="1">
        <v>43065.192361111112</v>
      </c>
      <c r="P216" s="1">
        <v>43065.193749999999</v>
      </c>
    </row>
    <row r="217" spans="1:16" x14ac:dyDescent="0.4">
      <c r="A217">
        <v>3705</v>
      </c>
      <c r="B217">
        <v>171017</v>
      </c>
      <c r="C217" s="1">
        <v>43065</v>
      </c>
      <c r="D217">
        <v>160</v>
      </c>
      <c r="E217">
        <v>114</v>
      </c>
      <c r="F217" t="s">
        <v>106</v>
      </c>
      <c r="G217">
        <v>7</v>
      </c>
      <c r="H217">
        <v>550</v>
      </c>
      <c r="I217">
        <v>1</v>
      </c>
      <c r="J217">
        <v>0</v>
      </c>
      <c r="K217">
        <v>757256</v>
      </c>
      <c r="L217">
        <v>757257</v>
      </c>
      <c r="M217">
        <v>30</v>
      </c>
      <c r="O217" s="1">
        <v>43066.052777777775</v>
      </c>
      <c r="P217" s="1">
        <v>43066.250694444447</v>
      </c>
    </row>
    <row r="218" spans="1:16" x14ac:dyDescent="0.4">
      <c r="A218">
        <v>3706</v>
      </c>
      <c r="B218">
        <v>171017</v>
      </c>
      <c r="C218" s="1">
        <v>43065</v>
      </c>
      <c r="D218">
        <v>125</v>
      </c>
      <c r="E218">
        <v>126</v>
      </c>
      <c r="F218" t="s">
        <v>8</v>
      </c>
      <c r="G218">
        <v>7</v>
      </c>
      <c r="H218">
        <v>380</v>
      </c>
      <c r="I218">
        <v>1</v>
      </c>
      <c r="J218">
        <v>0</v>
      </c>
      <c r="K218">
        <v>757258</v>
      </c>
      <c r="L218">
        <v>757259</v>
      </c>
      <c r="M218">
        <v>30</v>
      </c>
      <c r="O218" s="1">
        <v>43066.052777777775</v>
      </c>
      <c r="P218" s="1">
        <v>43066.250694444447</v>
      </c>
    </row>
    <row r="219" spans="1:16" x14ac:dyDescent="0.4">
      <c r="A219">
        <v>3707</v>
      </c>
      <c r="B219">
        <v>171167</v>
      </c>
      <c r="C219" s="1">
        <v>43068</v>
      </c>
      <c r="D219">
        <v>159</v>
      </c>
      <c r="E219">
        <v>118</v>
      </c>
      <c r="F219" t="s">
        <v>95</v>
      </c>
      <c r="G219">
        <v>7</v>
      </c>
      <c r="H219">
        <v>500</v>
      </c>
      <c r="I219">
        <v>1</v>
      </c>
      <c r="J219">
        <v>0</v>
      </c>
      <c r="K219">
        <v>757824</v>
      </c>
      <c r="L219">
        <v>757825</v>
      </c>
      <c r="M219">
        <v>30</v>
      </c>
      <c r="O219" s="1">
        <v>43068.871527777781</v>
      </c>
      <c r="P219" s="1">
        <v>43068.875694444447</v>
      </c>
    </row>
    <row r="220" spans="1:16" x14ac:dyDescent="0.4">
      <c r="A220">
        <v>3708</v>
      </c>
      <c r="B220">
        <v>171410</v>
      </c>
      <c r="C220" s="1">
        <v>43071</v>
      </c>
      <c r="D220">
        <v>125</v>
      </c>
      <c r="E220">
        <v>126</v>
      </c>
      <c r="F220" t="s">
        <v>8</v>
      </c>
      <c r="G220">
        <v>8</v>
      </c>
      <c r="H220">
        <v>380</v>
      </c>
      <c r="I220">
        <v>1</v>
      </c>
      <c r="J220">
        <v>0</v>
      </c>
      <c r="K220">
        <v>759034</v>
      </c>
      <c r="L220">
        <v>759035</v>
      </c>
      <c r="M220">
        <v>30</v>
      </c>
      <c r="O220" s="1">
        <v>43072.07916666667</v>
      </c>
      <c r="P220" s="1">
        <v>43072.1</v>
      </c>
    </row>
    <row r="221" spans="1:16" x14ac:dyDescent="0.4">
      <c r="A221">
        <v>3709</v>
      </c>
      <c r="B221">
        <v>171493</v>
      </c>
      <c r="C221" s="1">
        <v>43072</v>
      </c>
      <c r="D221">
        <v>127</v>
      </c>
      <c r="E221">
        <v>136</v>
      </c>
      <c r="F221" t="s">
        <v>32</v>
      </c>
      <c r="G221">
        <v>17</v>
      </c>
      <c r="H221">
        <v>600</v>
      </c>
      <c r="I221">
        <v>1</v>
      </c>
      <c r="J221">
        <v>0</v>
      </c>
      <c r="K221">
        <v>759379</v>
      </c>
      <c r="L221">
        <v>759380</v>
      </c>
      <c r="M221">
        <v>30</v>
      </c>
      <c r="O221" s="1">
        <v>43072.935416666667</v>
      </c>
      <c r="P221" s="1">
        <v>43072.936111111114</v>
      </c>
    </row>
    <row r="222" spans="1:16" x14ac:dyDescent="0.4">
      <c r="A222">
        <v>3710</v>
      </c>
      <c r="B222">
        <v>171656</v>
      </c>
      <c r="C222" s="1">
        <v>43075</v>
      </c>
      <c r="D222">
        <v>323</v>
      </c>
      <c r="E222">
        <v>49</v>
      </c>
      <c r="F222" t="s">
        <v>67</v>
      </c>
      <c r="G222">
        <v>4</v>
      </c>
      <c r="H222">
        <v>0</v>
      </c>
      <c r="I222">
        <v>1</v>
      </c>
      <c r="J222">
        <v>0</v>
      </c>
      <c r="K222">
        <v>760077</v>
      </c>
      <c r="L222">
        <v>760078</v>
      </c>
      <c r="M222">
        <v>29</v>
      </c>
      <c r="N222" t="s">
        <v>97</v>
      </c>
      <c r="O222" s="1">
        <v>43075.844444444447</v>
      </c>
      <c r="P222" s="1">
        <v>43075.854166666664</v>
      </c>
    </row>
    <row r="223" spans="1:16" x14ac:dyDescent="0.4">
      <c r="A223">
        <v>3711</v>
      </c>
      <c r="B223">
        <v>171656</v>
      </c>
      <c r="C223" s="1">
        <v>43075</v>
      </c>
      <c r="D223">
        <v>323</v>
      </c>
      <c r="E223">
        <v>49</v>
      </c>
      <c r="F223" t="s">
        <v>67</v>
      </c>
      <c r="G223">
        <v>4</v>
      </c>
      <c r="H223">
        <v>0</v>
      </c>
      <c r="I223">
        <v>1</v>
      </c>
      <c r="J223">
        <v>0</v>
      </c>
      <c r="K223">
        <v>760079</v>
      </c>
      <c r="L223">
        <v>760080</v>
      </c>
      <c r="M223">
        <v>29</v>
      </c>
      <c r="N223" t="s">
        <v>97</v>
      </c>
      <c r="O223" s="1">
        <v>43075.844444444447</v>
      </c>
      <c r="P223" s="1">
        <v>43075.854166666664</v>
      </c>
    </row>
    <row r="224" spans="1:16" x14ac:dyDescent="0.4">
      <c r="A224">
        <v>3712</v>
      </c>
      <c r="B224">
        <v>171670</v>
      </c>
      <c r="C224" s="1">
        <v>43075</v>
      </c>
      <c r="D224">
        <v>298</v>
      </c>
      <c r="E224">
        <v>544</v>
      </c>
      <c r="F224" t="s">
        <v>107</v>
      </c>
      <c r="G224">
        <v>16</v>
      </c>
      <c r="H224">
        <v>500</v>
      </c>
      <c r="I224">
        <v>1</v>
      </c>
      <c r="J224">
        <v>0</v>
      </c>
      <c r="K224">
        <v>760182</v>
      </c>
      <c r="L224">
        <v>760183</v>
      </c>
      <c r="M224">
        <v>100</v>
      </c>
      <c r="N224" t="s">
        <v>1</v>
      </c>
      <c r="O224" s="1">
        <v>43076.161805555559</v>
      </c>
      <c r="P224" s="1">
        <v>43076.164583333331</v>
      </c>
    </row>
    <row r="225" spans="1:16" x14ac:dyDescent="0.4">
      <c r="A225">
        <v>3713</v>
      </c>
      <c r="B225">
        <v>171670</v>
      </c>
      <c r="C225" s="1">
        <v>43075</v>
      </c>
      <c r="D225">
        <v>295</v>
      </c>
      <c r="E225">
        <v>549</v>
      </c>
      <c r="F225" t="s">
        <v>53</v>
      </c>
      <c r="G225">
        <v>16</v>
      </c>
      <c r="H225">
        <v>500</v>
      </c>
      <c r="I225">
        <v>1</v>
      </c>
      <c r="J225">
        <v>0</v>
      </c>
      <c r="K225">
        <v>760184</v>
      </c>
      <c r="L225">
        <v>760185</v>
      </c>
      <c r="M225">
        <v>100</v>
      </c>
      <c r="N225" t="s">
        <v>1</v>
      </c>
      <c r="O225" s="1">
        <v>43076.161805555559</v>
      </c>
      <c r="P225" s="1">
        <v>43076.164583333331</v>
      </c>
    </row>
    <row r="226" spans="1:16" x14ac:dyDescent="0.4">
      <c r="A226">
        <v>3714</v>
      </c>
      <c r="B226">
        <v>171788</v>
      </c>
      <c r="C226" s="1">
        <v>43077</v>
      </c>
      <c r="D226">
        <v>157</v>
      </c>
      <c r="E226">
        <v>113</v>
      </c>
      <c r="F226" t="s">
        <v>59</v>
      </c>
      <c r="G226">
        <v>11</v>
      </c>
      <c r="H226">
        <v>550</v>
      </c>
      <c r="I226">
        <v>1</v>
      </c>
      <c r="J226">
        <v>0</v>
      </c>
      <c r="K226">
        <v>760775</v>
      </c>
      <c r="L226">
        <v>760776</v>
      </c>
      <c r="M226">
        <v>30</v>
      </c>
      <c r="O226" s="1">
        <v>43078.022916666669</v>
      </c>
      <c r="P226" s="1">
        <v>43078.025000000001</v>
      </c>
    </row>
    <row r="227" spans="1:16" x14ac:dyDescent="0.4">
      <c r="A227">
        <v>3715</v>
      </c>
      <c r="B227">
        <v>171853</v>
      </c>
      <c r="C227" s="1">
        <v>43078</v>
      </c>
      <c r="D227">
        <v>11</v>
      </c>
      <c r="E227">
        <v>110</v>
      </c>
      <c r="F227" t="s">
        <v>73</v>
      </c>
      <c r="G227">
        <v>9</v>
      </c>
      <c r="H227">
        <v>500</v>
      </c>
      <c r="I227">
        <v>1</v>
      </c>
      <c r="J227">
        <v>0</v>
      </c>
      <c r="K227">
        <v>761056</v>
      </c>
      <c r="L227">
        <v>761057</v>
      </c>
      <c r="M227">
        <v>99</v>
      </c>
      <c r="N227" t="s">
        <v>43</v>
      </c>
      <c r="O227" s="1">
        <v>43078.81527777778</v>
      </c>
      <c r="P227" s="1">
        <v>43078.81527777778</v>
      </c>
    </row>
    <row r="228" spans="1:16" x14ac:dyDescent="0.4">
      <c r="A228">
        <v>3716</v>
      </c>
      <c r="B228">
        <v>172096</v>
      </c>
      <c r="C228" s="1">
        <v>43081</v>
      </c>
      <c r="D228">
        <v>159</v>
      </c>
      <c r="E228">
        <v>118</v>
      </c>
      <c r="F228" t="s">
        <v>95</v>
      </c>
      <c r="G228">
        <v>6</v>
      </c>
      <c r="H228">
        <v>500</v>
      </c>
      <c r="I228">
        <v>1</v>
      </c>
      <c r="J228">
        <v>0</v>
      </c>
      <c r="K228">
        <v>762215</v>
      </c>
      <c r="L228">
        <v>762216</v>
      </c>
      <c r="M228">
        <v>100</v>
      </c>
      <c r="N228" t="s">
        <v>1</v>
      </c>
      <c r="O228" s="1">
        <v>43082.112500000003</v>
      </c>
      <c r="P228" s="1">
        <v>43082.127083333333</v>
      </c>
    </row>
    <row r="229" spans="1:16" x14ac:dyDescent="0.4">
      <c r="A229">
        <v>3717</v>
      </c>
      <c r="B229">
        <v>172145</v>
      </c>
      <c r="C229" s="1">
        <v>43082</v>
      </c>
      <c r="D229">
        <v>186</v>
      </c>
      <c r="E229">
        <v>225</v>
      </c>
      <c r="F229" t="s">
        <v>34</v>
      </c>
      <c r="G229">
        <v>18</v>
      </c>
      <c r="H229">
        <v>350</v>
      </c>
      <c r="I229">
        <v>3</v>
      </c>
      <c r="J229">
        <v>2</v>
      </c>
      <c r="K229">
        <v>762377</v>
      </c>
      <c r="L229">
        <v>762378</v>
      </c>
      <c r="M229">
        <v>108</v>
      </c>
      <c r="N229" t="s">
        <v>40</v>
      </c>
      <c r="O229" s="1">
        <v>43082.90347222222</v>
      </c>
      <c r="P229" s="1">
        <v>43082.904861111114</v>
      </c>
    </row>
    <row r="230" spans="1:16" x14ac:dyDescent="0.4">
      <c r="A230">
        <v>3718</v>
      </c>
      <c r="B230">
        <v>172226</v>
      </c>
      <c r="C230" s="1">
        <v>43084</v>
      </c>
      <c r="D230">
        <v>108</v>
      </c>
      <c r="E230">
        <v>96</v>
      </c>
      <c r="F230" t="s">
        <v>0</v>
      </c>
      <c r="G230">
        <v>15</v>
      </c>
      <c r="H230">
        <v>520</v>
      </c>
      <c r="I230">
        <v>4</v>
      </c>
      <c r="J230">
        <v>2</v>
      </c>
      <c r="K230">
        <v>762736</v>
      </c>
      <c r="L230">
        <v>762737</v>
      </c>
      <c r="M230">
        <v>96</v>
      </c>
      <c r="N230" t="s">
        <v>7</v>
      </c>
      <c r="O230" s="1">
        <v>43084.570833333331</v>
      </c>
      <c r="P230" s="1">
        <v>43084.57916666667</v>
      </c>
    </row>
    <row r="231" spans="1:16" x14ac:dyDescent="0.4">
      <c r="A231">
        <v>3719</v>
      </c>
      <c r="B231">
        <v>172352</v>
      </c>
      <c r="C231" s="1">
        <v>43085</v>
      </c>
      <c r="D231">
        <v>148</v>
      </c>
      <c r="E231">
        <v>124</v>
      </c>
      <c r="F231" t="s">
        <v>35</v>
      </c>
      <c r="G231">
        <v>1</v>
      </c>
      <c r="H231">
        <v>450</v>
      </c>
      <c r="I231">
        <v>2</v>
      </c>
      <c r="J231">
        <v>0</v>
      </c>
      <c r="K231">
        <v>763310</v>
      </c>
      <c r="L231">
        <v>763311</v>
      </c>
      <c r="M231">
        <v>16</v>
      </c>
      <c r="N231" t="s">
        <v>64</v>
      </c>
      <c r="O231" s="1">
        <v>43085.761111111111</v>
      </c>
      <c r="P231" s="1">
        <v>43085.762499999997</v>
      </c>
    </row>
    <row r="232" spans="1:16" x14ac:dyDescent="0.4">
      <c r="A232">
        <v>3724</v>
      </c>
      <c r="B232">
        <v>172405</v>
      </c>
      <c r="C232" s="1">
        <v>43086</v>
      </c>
      <c r="D232">
        <v>290</v>
      </c>
      <c r="E232">
        <v>1260</v>
      </c>
      <c r="F232" t="s">
        <v>22</v>
      </c>
      <c r="G232">
        <v>7</v>
      </c>
      <c r="H232">
        <v>500</v>
      </c>
      <c r="I232">
        <v>1</v>
      </c>
      <c r="J232">
        <v>0</v>
      </c>
      <c r="K232">
        <v>763716</v>
      </c>
      <c r="L232">
        <v>763717</v>
      </c>
      <c r="M232">
        <v>84</v>
      </c>
      <c r="N232" t="s">
        <v>79</v>
      </c>
      <c r="O232" s="1">
        <v>43086.451388888891</v>
      </c>
      <c r="P232" s="1">
        <v>43086.45208333333</v>
      </c>
    </row>
    <row r="233" spans="1:16" x14ac:dyDescent="0.4">
      <c r="A233">
        <v>3726</v>
      </c>
      <c r="B233">
        <v>172518</v>
      </c>
      <c r="C233" s="1">
        <v>43087</v>
      </c>
      <c r="D233">
        <v>99</v>
      </c>
      <c r="E233">
        <v>23</v>
      </c>
      <c r="F233" t="s">
        <v>103</v>
      </c>
      <c r="G233">
        <v>2</v>
      </c>
      <c r="H233">
        <v>480</v>
      </c>
      <c r="I233">
        <v>2</v>
      </c>
      <c r="J233">
        <v>0</v>
      </c>
      <c r="K233">
        <v>764142</v>
      </c>
      <c r="L233">
        <v>764143</v>
      </c>
      <c r="M233">
        <v>30</v>
      </c>
      <c r="O233" s="1">
        <v>43087.881944444445</v>
      </c>
      <c r="P233" s="1">
        <v>43087.882638888892</v>
      </c>
    </row>
    <row r="234" spans="1:16" x14ac:dyDescent="0.4">
      <c r="A234">
        <v>3727</v>
      </c>
      <c r="B234">
        <v>172714</v>
      </c>
      <c r="C234" s="1">
        <v>43090</v>
      </c>
      <c r="D234">
        <v>144</v>
      </c>
      <c r="E234">
        <v>130</v>
      </c>
      <c r="F234" t="s">
        <v>42</v>
      </c>
      <c r="G234">
        <v>9</v>
      </c>
      <c r="H234">
        <v>200</v>
      </c>
      <c r="I234">
        <v>2</v>
      </c>
      <c r="J234">
        <v>0</v>
      </c>
      <c r="K234">
        <v>764985</v>
      </c>
      <c r="L234">
        <v>764986</v>
      </c>
      <c r="M234">
        <v>89</v>
      </c>
      <c r="N234" t="s">
        <v>44</v>
      </c>
      <c r="O234" s="1">
        <v>43090.941666666666</v>
      </c>
      <c r="P234" s="1">
        <v>43090.948611111111</v>
      </c>
    </row>
    <row r="235" spans="1:16" x14ac:dyDescent="0.4">
      <c r="A235">
        <v>3728</v>
      </c>
      <c r="B235">
        <v>172774</v>
      </c>
      <c r="C235" s="1">
        <v>43091</v>
      </c>
      <c r="D235">
        <v>153</v>
      </c>
      <c r="E235">
        <v>151</v>
      </c>
      <c r="F235" t="s">
        <v>108</v>
      </c>
      <c r="G235">
        <v>6</v>
      </c>
      <c r="H235">
        <v>420</v>
      </c>
      <c r="I235">
        <v>1</v>
      </c>
      <c r="J235">
        <v>0</v>
      </c>
      <c r="K235">
        <v>765238</v>
      </c>
      <c r="L235">
        <v>765239</v>
      </c>
      <c r="M235">
        <v>108</v>
      </c>
      <c r="N235" t="s">
        <v>40</v>
      </c>
      <c r="O235" s="1">
        <v>43091.868055555555</v>
      </c>
      <c r="P235" s="1">
        <v>43091.886111111111</v>
      </c>
    </row>
    <row r="236" spans="1:16" x14ac:dyDescent="0.4">
      <c r="A236">
        <v>3729</v>
      </c>
      <c r="B236">
        <v>172986</v>
      </c>
      <c r="C236" s="1">
        <v>43093</v>
      </c>
      <c r="D236">
        <v>150</v>
      </c>
      <c r="E236">
        <v>133</v>
      </c>
      <c r="F236" t="s">
        <v>109</v>
      </c>
      <c r="G236">
        <v>1</v>
      </c>
      <c r="H236">
        <v>450</v>
      </c>
      <c r="I236">
        <v>1</v>
      </c>
      <c r="J236">
        <v>0</v>
      </c>
      <c r="K236">
        <v>766256</v>
      </c>
      <c r="L236">
        <v>766257</v>
      </c>
      <c r="M236">
        <v>108</v>
      </c>
      <c r="N236" t="s">
        <v>40</v>
      </c>
      <c r="O236" s="1">
        <v>43094.200694444444</v>
      </c>
      <c r="P236" s="1">
        <v>43094.20208333333</v>
      </c>
    </row>
    <row r="237" spans="1:16" x14ac:dyDescent="0.4">
      <c r="A237">
        <v>3730</v>
      </c>
      <c r="B237">
        <v>173114</v>
      </c>
      <c r="C237" s="1">
        <v>43095</v>
      </c>
      <c r="D237">
        <v>125</v>
      </c>
      <c r="E237">
        <v>126</v>
      </c>
      <c r="F237" t="s">
        <v>8</v>
      </c>
      <c r="G237">
        <v>12</v>
      </c>
      <c r="H237">
        <v>380</v>
      </c>
      <c r="I237">
        <v>1</v>
      </c>
      <c r="J237">
        <v>0</v>
      </c>
      <c r="K237">
        <v>766792</v>
      </c>
      <c r="L237">
        <v>766793</v>
      </c>
      <c r="M237">
        <v>29</v>
      </c>
      <c r="N237" t="s">
        <v>97</v>
      </c>
      <c r="O237" s="1">
        <v>43095.851388888892</v>
      </c>
      <c r="P237" s="1">
        <v>43095.936111111114</v>
      </c>
    </row>
    <row r="238" spans="1:16" x14ac:dyDescent="0.4">
      <c r="A238">
        <v>3737</v>
      </c>
      <c r="B238">
        <v>173177</v>
      </c>
      <c r="C238" s="1">
        <v>43096</v>
      </c>
      <c r="D238">
        <v>280</v>
      </c>
      <c r="E238">
        <v>1266</v>
      </c>
      <c r="F238" t="s">
        <v>13</v>
      </c>
      <c r="G238">
        <v>19</v>
      </c>
      <c r="H238">
        <v>680</v>
      </c>
      <c r="I238">
        <v>1</v>
      </c>
      <c r="J238">
        <v>0</v>
      </c>
      <c r="K238">
        <v>767021</v>
      </c>
      <c r="L238">
        <v>767022</v>
      </c>
      <c r="M238">
        <v>97</v>
      </c>
      <c r="N238" t="s">
        <v>3</v>
      </c>
      <c r="O238" s="1">
        <v>43096.75277777778</v>
      </c>
      <c r="P238" s="1">
        <v>43096.754166666666</v>
      </c>
    </row>
    <row r="239" spans="1:16" x14ac:dyDescent="0.4">
      <c r="A239">
        <v>3741</v>
      </c>
      <c r="B239">
        <v>173291</v>
      </c>
      <c r="C239" s="1">
        <v>43097</v>
      </c>
      <c r="D239">
        <v>290</v>
      </c>
      <c r="E239">
        <v>1260</v>
      </c>
      <c r="F239" t="s">
        <v>22</v>
      </c>
      <c r="G239">
        <v>17</v>
      </c>
      <c r="H239">
        <v>500</v>
      </c>
      <c r="I239">
        <v>1</v>
      </c>
      <c r="J239">
        <v>0</v>
      </c>
      <c r="K239">
        <v>767538</v>
      </c>
      <c r="L239">
        <v>767539</v>
      </c>
      <c r="M239">
        <v>108</v>
      </c>
      <c r="N239" t="s">
        <v>40</v>
      </c>
      <c r="O239" s="1">
        <v>43097.881944444445</v>
      </c>
      <c r="P239" s="1">
        <v>43097.88958333333</v>
      </c>
    </row>
    <row r="240" spans="1:16" x14ac:dyDescent="0.4">
      <c r="A240">
        <v>3745</v>
      </c>
      <c r="B240">
        <v>173414</v>
      </c>
      <c r="C240" s="1">
        <v>43098</v>
      </c>
      <c r="D240">
        <v>125</v>
      </c>
      <c r="E240">
        <v>126</v>
      </c>
      <c r="F240" t="s">
        <v>8</v>
      </c>
      <c r="G240">
        <v>18</v>
      </c>
      <c r="H240">
        <v>380</v>
      </c>
      <c r="I240">
        <v>1</v>
      </c>
      <c r="J240">
        <v>0</v>
      </c>
      <c r="K240">
        <v>768192</v>
      </c>
      <c r="L240">
        <v>768193</v>
      </c>
      <c r="M240">
        <v>108</v>
      </c>
      <c r="N240" t="s">
        <v>40</v>
      </c>
      <c r="O240" s="1">
        <v>43099.01666666667</v>
      </c>
      <c r="P240" s="1">
        <v>43099.01666666667</v>
      </c>
    </row>
    <row r="241" spans="1:16" x14ac:dyDescent="0.4">
      <c r="A241">
        <v>3746</v>
      </c>
      <c r="B241">
        <v>173520</v>
      </c>
      <c r="C241" s="1">
        <v>43099</v>
      </c>
      <c r="D241">
        <v>145</v>
      </c>
      <c r="E241">
        <v>132</v>
      </c>
      <c r="F241" t="s">
        <v>74</v>
      </c>
      <c r="G241">
        <v>17</v>
      </c>
      <c r="H241">
        <v>300</v>
      </c>
      <c r="I241">
        <v>1</v>
      </c>
      <c r="J241">
        <v>0</v>
      </c>
      <c r="K241">
        <v>768805</v>
      </c>
      <c r="L241">
        <v>768806</v>
      </c>
      <c r="M241">
        <v>108</v>
      </c>
      <c r="N241" t="s">
        <v>40</v>
      </c>
      <c r="O241" s="1">
        <v>43100.157638888886</v>
      </c>
      <c r="P241" s="1">
        <v>43100.157638888886</v>
      </c>
    </row>
    <row r="242" spans="1:16" x14ac:dyDescent="0.4">
      <c r="A242">
        <v>3748</v>
      </c>
      <c r="B242">
        <v>173813</v>
      </c>
      <c r="C242" s="1">
        <v>43103</v>
      </c>
      <c r="D242">
        <v>213</v>
      </c>
      <c r="E242">
        <v>211</v>
      </c>
      <c r="F242" t="s">
        <v>46</v>
      </c>
      <c r="G242">
        <v>19</v>
      </c>
      <c r="H242">
        <v>0</v>
      </c>
      <c r="I242">
        <v>1</v>
      </c>
      <c r="J242">
        <v>0</v>
      </c>
      <c r="K242">
        <v>770197</v>
      </c>
      <c r="L242">
        <v>770198</v>
      </c>
      <c r="M242">
        <v>108</v>
      </c>
      <c r="N242" t="s">
        <v>40</v>
      </c>
      <c r="O242" s="1">
        <v>43103.925694444442</v>
      </c>
      <c r="P242" s="1">
        <v>43103.925694444442</v>
      </c>
    </row>
    <row r="243" spans="1:16" x14ac:dyDescent="0.4">
      <c r="A243">
        <v>3749</v>
      </c>
      <c r="B243">
        <v>173965</v>
      </c>
      <c r="C243" s="1">
        <v>43105</v>
      </c>
      <c r="D243">
        <v>125</v>
      </c>
      <c r="E243">
        <v>126</v>
      </c>
      <c r="F243" t="s">
        <v>8</v>
      </c>
      <c r="G243">
        <v>2</v>
      </c>
      <c r="H243">
        <v>380</v>
      </c>
      <c r="I243">
        <v>1</v>
      </c>
      <c r="J243">
        <v>0</v>
      </c>
      <c r="K243">
        <v>770943</v>
      </c>
      <c r="L243">
        <v>770944</v>
      </c>
      <c r="M243">
        <v>84</v>
      </c>
      <c r="N243" t="s">
        <v>79</v>
      </c>
      <c r="O243" s="1">
        <v>43105.634722222225</v>
      </c>
      <c r="P243" s="1">
        <v>43105.713888888888</v>
      </c>
    </row>
    <row r="244" spans="1:16" x14ac:dyDescent="0.4">
      <c r="A244">
        <v>3750</v>
      </c>
      <c r="B244">
        <v>174133</v>
      </c>
      <c r="C244" s="1">
        <v>43107</v>
      </c>
      <c r="D244">
        <v>149</v>
      </c>
      <c r="E244">
        <v>121</v>
      </c>
      <c r="F244" t="s">
        <v>52</v>
      </c>
      <c r="G244">
        <v>9</v>
      </c>
      <c r="H244">
        <v>450</v>
      </c>
      <c r="I244">
        <v>1</v>
      </c>
      <c r="J244">
        <v>0</v>
      </c>
      <c r="K244">
        <v>771689</v>
      </c>
      <c r="L244">
        <v>771690</v>
      </c>
      <c r="M244">
        <v>29</v>
      </c>
      <c r="N244" t="s">
        <v>97</v>
      </c>
      <c r="O244" s="1">
        <v>43107.489583333336</v>
      </c>
      <c r="P244" s="1">
        <v>43107.494444444441</v>
      </c>
    </row>
    <row r="245" spans="1:16" x14ac:dyDescent="0.4">
      <c r="A245">
        <v>3751</v>
      </c>
      <c r="B245">
        <v>174307</v>
      </c>
      <c r="C245" s="1">
        <v>43109</v>
      </c>
      <c r="D245">
        <v>94</v>
      </c>
      <c r="E245">
        <v>75</v>
      </c>
      <c r="F245" t="s">
        <v>57</v>
      </c>
      <c r="G245">
        <v>4</v>
      </c>
      <c r="H245">
        <v>480</v>
      </c>
      <c r="I245">
        <v>1</v>
      </c>
      <c r="J245">
        <v>0</v>
      </c>
      <c r="K245">
        <v>772435</v>
      </c>
      <c r="L245">
        <v>772436</v>
      </c>
      <c r="M245">
        <v>100</v>
      </c>
      <c r="N245" t="s">
        <v>1</v>
      </c>
      <c r="O245" s="1">
        <v>43110.009722222225</v>
      </c>
      <c r="P245" s="1">
        <v>43110.036111111112</v>
      </c>
    </row>
    <row r="246" spans="1:16" x14ac:dyDescent="0.4">
      <c r="A246">
        <v>3752</v>
      </c>
      <c r="B246">
        <v>174318</v>
      </c>
      <c r="C246" s="1">
        <v>43110</v>
      </c>
      <c r="D246">
        <v>9</v>
      </c>
      <c r="E246">
        <v>101</v>
      </c>
      <c r="F246" t="s">
        <v>54</v>
      </c>
      <c r="G246">
        <v>18</v>
      </c>
      <c r="H246">
        <v>420</v>
      </c>
      <c r="I246">
        <v>1</v>
      </c>
      <c r="J246">
        <v>0</v>
      </c>
      <c r="K246">
        <v>772497</v>
      </c>
      <c r="L246">
        <v>772498</v>
      </c>
      <c r="M246">
        <v>96</v>
      </c>
      <c r="N246" t="s">
        <v>7</v>
      </c>
      <c r="O246" s="1">
        <v>43110.501388888886</v>
      </c>
      <c r="P246" s="1">
        <v>43110.50277777778</v>
      </c>
    </row>
    <row r="247" spans="1:16" x14ac:dyDescent="0.4">
      <c r="A247">
        <v>3753</v>
      </c>
      <c r="B247">
        <v>174432</v>
      </c>
      <c r="C247" s="1">
        <v>43112</v>
      </c>
      <c r="D247">
        <v>127</v>
      </c>
      <c r="E247">
        <v>136</v>
      </c>
      <c r="F247" t="s">
        <v>32</v>
      </c>
      <c r="G247">
        <v>8</v>
      </c>
      <c r="H247">
        <v>600</v>
      </c>
      <c r="I247">
        <v>3</v>
      </c>
      <c r="J247">
        <v>2</v>
      </c>
      <c r="K247">
        <v>772929</v>
      </c>
      <c r="L247">
        <v>772930</v>
      </c>
      <c r="M247">
        <v>108</v>
      </c>
      <c r="N247" t="s">
        <v>40</v>
      </c>
      <c r="O247" s="1">
        <v>43112.879861111112</v>
      </c>
      <c r="P247" s="1">
        <v>43112.895833333336</v>
      </c>
    </row>
    <row r="248" spans="1:16" x14ac:dyDescent="0.4">
      <c r="A248">
        <v>3754</v>
      </c>
      <c r="B248">
        <v>174451</v>
      </c>
      <c r="C248" s="1">
        <v>43112</v>
      </c>
      <c r="D248">
        <v>147</v>
      </c>
      <c r="E248">
        <v>1131</v>
      </c>
      <c r="F248" t="s">
        <v>21</v>
      </c>
      <c r="G248">
        <v>10</v>
      </c>
      <c r="H248">
        <v>450</v>
      </c>
      <c r="I248">
        <v>1</v>
      </c>
      <c r="J248">
        <v>0</v>
      </c>
      <c r="K248">
        <v>773083</v>
      </c>
      <c r="L248">
        <v>773084</v>
      </c>
      <c r="M248">
        <v>108</v>
      </c>
      <c r="N248" t="s">
        <v>40</v>
      </c>
      <c r="O248" s="1">
        <v>43113.009027777778</v>
      </c>
      <c r="P248" s="1">
        <v>43113.011805555558</v>
      </c>
    </row>
    <row r="249" spans="1:16" x14ac:dyDescent="0.4">
      <c r="A249">
        <v>3755</v>
      </c>
      <c r="B249">
        <v>174528</v>
      </c>
      <c r="C249" s="1">
        <v>43113</v>
      </c>
      <c r="D249">
        <v>280</v>
      </c>
      <c r="E249">
        <v>1266</v>
      </c>
      <c r="F249" t="s">
        <v>13</v>
      </c>
      <c r="G249">
        <v>13</v>
      </c>
      <c r="H249">
        <v>680</v>
      </c>
      <c r="I249">
        <v>1</v>
      </c>
      <c r="J249">
        <v>0</v>
      </c>
      <c r="K249">
        <v>773395</v>
      </c>
      <c r="L249">
        <v>773396</v>
      </c>
      <c r="M249">
        <v>16</v>
      </c>
      <c r="N249" t="s">
        <v>64</v>
      </c>
      <c r="O249" s="1">
        <v>43113.816666666666</v>
      </c>
      <c r="P249" s="1">
        <v>43113.818055555559</v>
      </c>
    </row>
    <row r="250" spans="1:16" x14ac:dyDescent="0.4">
      <c r="A250">
        <v>3756</v>
      </c>
      <c r="B250">
        <v>174700</v>
      </c>
      <c r="C250" s="1">
        <v>43115</v>
      </c>
      <c r="D250">
        <v>213</v>
      </c>
      <c r="E250">
        <v>211</v>
      </c>
      <c r="F250" t="s">
        <v>46</v>
      </c>
      <c r="G250">
        <v>8</v>
      </c>
      <c r="H250">
        <v>0</v>
      </c>
      <c r="I250">
        <v>5</v>
      </c>
      <c r="J250">
        <v>0</v>
      </c>
      <c r="K250">
        <v>774182</v>
      </c>
      <c r="L250">
        <v>774183</v>
      </c>
      <c r="M250">
        <v>106</v>
      </c>
      <c r="N250" t="s">
        <v>99</v>
      </c>
      <c r="O250" s="1">
        <v>43115.879861111112</v>
      </c>
      <c r="P250" s="1">
        <v>43115.879861111112</v>
      </c>
    </row>
    <row r="251" spans="1:16" x14ac:dyDescent="0.4">
      <c r="A251">
        <v>3757</v>
      </c>
      <c r="B251">
        <v>174753</v>
      </c>
      <c r="C251" s="1">
        <v>43116</v>
      </c>
      <c r="D251">
        <v>186</v>
      </c>
      <c r="E251">
        <v>225</v>
      </c>
      <c r="F251" t="s">
        <v>34</v>
      </c>
      <c r="G251">
        <v>6</v>
      </c>
      <c r="H251">
        <v>350</v>
      </c>
      <c r="I251">
        <v>4</v>
      </c>
      <c r="J251">
        <v>0</v>
      </c>
      <c r="K251">
        <v>774398</v>
      </c>
      <c r="L251">
        <v>774399</v>
      </c>
      <c r="M251">
        <v>29</v>
      </c>
      <c r="N251" t="s">
        <v>97</v>
      </c>
      <c r="O251" s="1">
        <v>43116.908333333333</v>
      </c>
      <c r="P251" s="1">
        <v>43116.909722222219</v>
      </c>
    </row>
    <row r="252" spans="1:16" x14ac:dyDescent="0.4">
      <c r="A252">
        <v>3758</v>
      </c>
      <c r="B252">
        <v>174816</v>
      </c>
      <c r="C252" s="1">
        <v>43117</v>
      </c>
      <c r="D252">
        <v>170</v>
      </c>
      <c r="E252">
        <v>303</v>
      </c>
      <c r="F252" t="s">
        <v>110</v>
      </c>
      <c r="G252">
        <v>6</v>
      </c>
      <c r="H252">
        <v>480</v>
      </c>
      <c r="I252">
        <v>1</v>
      </c>
      <c r="J252">
        <v>0</v>
      </c>
      <c r="K252">
        <v>774691</v>
      </c>
      <c r="L252">
        <v>774692</v>
      </c>
      <c r="M252">
        <v>100</v>
      </c>
      <c r="N252" t="s">
        <v>1</v>
      </c>
      <c r="O252" s="1">
        <v>43118.070833333331</v>
      </c>
      <c r="P252" s="1">
        <v>43118.114583333336</v>
      </c>
    </row>
    <row r="253" spans="1:16" x14ac:dyDescent="0.4">
      <c r="A253">
        <v>3759</v>
      </c>
      <c r="B253">
        <v>174816</v>
      </c>
      <c r="C253" s="1">
        <v>43117</v>
      </c>
      <c r="D253">
        <v>180</v>
      </c>
      <c r="E253">
        <v>299</v>
      </c>
      <c r="F253" t="s">
        <v>111</v>
      </c>
      <c r="G253">
        <v>6</v>
      </c>
      <c r="H253">
        <v>380</v>
      </c>
      <c r="I253">
        <v>1</v>
      </c>
      <c r="J253">
        <v>0</v>
      </c>
      <c r="K253">
        <v>774700</v>
      </c>
      <c r="L253">
        <v>774701</v>
      </c>
      <c r="M253">
        <v>29</v>
      </c>
      <c r="N253" t="s">
        <v>97</v>
      </c>
      <c r="O253" s="1">
        <v>43118.202777777777</v>
      </c>
      <c r="P253" s="1">
        <v>43118.203472222223</v>
      </c>
    </row>
    <row r="254" spans="1:16" x14ac:dyDescent="0.4">
      <c r="A254">
        <v>3760</v>
      </c>
      <c r="B254">
        <v>174858</v>
      </c>
      <c r="C254" s="1">
        <v>43118</v>
      </c>
      <c r="D254">
        <v>57</v>
      </c>
      <c r="E254">
        <v>30</v>
      </c>
      <c r="F254" t="s">
        <v>60</v>
      </c>
      <c r="G254">
        <v>6</v>
      </c>
      <c r="H254">
        <v>320</v>
      </c>
      <c r="I254">
        <v>8</v>
      </c>
      <c r="J254">
        <v>0</v>
      </c>
      <c r="K254">
        <v>774834</v>
      </c>
      <c r="L254">
        <v>774835</v>
      </c>
      <c r="M254">
        <v>29</v>
      </c>
      <c r="N254" t="s">
        <v>97</v>
      </c>
      <c r="O254" s="1">
        <v>43118.897222222222</v>
      </c>
      <c r="P254" s="1">
        <v>43118.897222222222</v>
      </c>
    </row>
    <row r="255" spans="1:16" x14ac:dyDescent="0.4">
      <c r="A255">
        <v>3761</v>
      </c>
      <c r="B255">
        <v>175030</v>
      </c>
      <c r="C255" s="1">
        <v>43120</v>
      </c>
      <c r="D255">
        <v>89</v>
      </c>
      <c r="E255">
        <v>70</v>
      </c>
      <c r="F255" t="s">
        <v>10</v>
      </c>
      <c r="G255">
        <v>1</v>
      </c>
      <c r="H255">
        <v>400</v>
      </c>
      <c r="I255">
        <v>1</v>
      </c>
      <c r="J255">
        <v>0</v>
      </c>
      <c r="K255">
        <v>775660</v>
      </c>
      <c r="L255">
        <v>775661</v>
      </c>
      <c r="M255">
        <v>108</v>
      </c>
      <c r="N255" t="s">
        <v>40</v>
      </c>
      <c r="O255" s="1">
        <v>43121</v>
      </c>
      <c r="P255" s="1">
        <v>43121.009722222225</v>
      </c>
    </row>
    <row r="256" spans="1:16" x14ac:dyDescent="0.4">
      <c r="A256">
        <v>3762</v>
      </c>
      <c r="B256">
        <v>175030</v>
      </c>
      <c r="C256" s="1">
        <v>43120</v>
      </c>
      <c r="D256">
        <v>77</v>
      </c>
      <c r="E256">
        <v>58</v>
      </c>
      <c r="F256" t="s">
        <v>112</v>
      </c>
      <c r="G256">
        <v>1</v>
      </c>
      <c r="H256">
        <v>400</v>
      </c>
      <c r="I256">
        <v>1</v>
      </c>
      <c r="J256">
        <v>0</v>
      </c>
      <c r="K256">
        <v>775662</v>
      </c>
      <c r="L256">
        <v>775663</v>
      </c>
      <c r="M256">
        <v>108</v>
      </c>
      <c r="N256" t="s">
        <v>40</v>
      </c>
      <c r="O256" s="1">
        <v>43121</v>
      </c>
      <c r="P256" s="1">
        <v>43121.009722222225</v>
      </c>
    </row>
    <row r="257" spans="1:16" x14ac:dyDescent="0.4">
      <c r="A257">
        <v>3763</v>
      </c>
      <c r="B257">
        <v>175030</v>
      </c>
      <c r="C257" s="1">
        <v>43120</v>
      </c>
      <c r="D257">
        <v>186</v>
      </c>
      <c r="E257">
        <v>225</v>
      </c>
      <c r="F257" t="s">
        <v>34</v>
      </c>
      <c r="G257">
        <v>1</v>
      </c>
      <c r="H257">
        <v>350</v>
      </c>
      <c r="I257">
        <v>1</v>
      </c>
      <c r="J257">
        <v>0</v>
      </c>
      <c r="K257">
        <v>775664</v>
      </c>
      <c r="L257">
        <v>775665</v>
      </c>
      <c r="M257">
        <v>108</v>
      </c>
      <c r="N257" t="s">
        <v>40</v>
      </c>
      <c r="O257" s="1">
        <v>43121</v>
      </c>
      <c r="P257" s="1">
        <v>43121.009722222225</v>
      </c>
    </row>
    <row r="258" spans="1:16" x14ac:dyDescent="0.4">
      <c r="A258">
        <v>3764</v>
      </c>
      <c r="B258">
        <v>175094</v>
      </c>
      <c r="C258" s="1">
        <v>43121</v>
      </c>
      <c r="D258">
        <v>142</v>
      </c>
      <c r="E258">
        <v>125</v>
      </c>
      <c r="F258" t="s">
        <v>31</v>
      </c>
      <c r="G258">
        <v>13</v>
      </c>
      <c r="H258">
        <v>350</v>
      </c>
      <c r="I258">
        <v>1</v>
      </c>
      <c r="J258">
        <v>0</v>
      </c>
      <c r="K258">
        <v>775979</v>
      </c>
      <c r="L258">
        <v>775980</v>
      </c>
      <c r="M258">
        <v>90</v>
      </c>
      <c r="N258" t="s">
        <v>84</v>
      </c>
      <c r="O258" s="1">
        <v>43121.767361111109</v>
      </c>
      <c r="P258" s="1">
        <v>43121.803472222222</v>
      </c>
    </row>
    <row r="259" spans="1:16" x14ac:dyDescent="0.4">
      <c r="A259">
        <v>3765</v>
      </c>
      <c r="B259">
        <v>175230</v>
      </c>
      <c r="C259" s="1">
        <v>43123</v>
      </c>
      <c r="D259">
        <v>188</v>
      </c>
      <c r="E259">
        <v>227</v>
      </c>
      <c r="F259" t="s">
        <v>113</v>
      </c>
      <c r="G259">
        <v>4</v>
      </c>
      <c r="H259">
        <v>280</v>
      </c>
      <c r="I259">
        <v>2</v>
      </c>
      <c r="J259">
        <v>0</v>
      </c>
      <c r="K259">
        <v>776546</v>
      </c>
      <c r="L259">
        <v>776547</v>
      </c>
      <c r="M259">
        <v>29</v>
      </c>
      <c r="N259" t="s">
        <v>97</v>
      </c>
      <c r="O259" s="1">
        <v>43124.043749999997</v>
      </c>
      <c r="P259" s="1">
        <v>43124.052083333336</v>
      </c>
    </row>
    <row r="260" spans="1:16" x14ac:dyDescent="0.4">
      <c r="A260">
        <v>3766</v>
      </c>
      <c r="B260">
        <v>175230</v>
      </c>
      <c r="C260" s="1">
        <v>43123</v>
      </c>
      <c r="D260">
        <v>188</v>
      </c>
      <c r="E260">
        <v>227</v>
      </c>
      <c r="F260" t="s">
        <v>113</v>
      </c>
      <c r="G260">
        <v>4</v>
      </c>
      <c r="H260">
        <v>280</v>
      </c>
      <c r="I260">
        <v>1</v>
      </c>
      <c r="J260">
        <v>0</v>
      </c>
      <c r="K260">
        <v>776555</v>
      </c>
      <c r="L260">
        <v>776556</v>
      </c>
      <c r="M260">
        <v>29</v>
      </c>
      <c r="N260" t="s">
        <v>97</v>
      </c>
      <c r="O260" s="1">
        <v>43124.074305555558</v>
      </c>
      <c r="P260" s="1">
        <v>43124.095138888886</v>
      </c>
    </row>
    <row r="261" spans="1:16" x14ac:dyDescent="0.4">
      <c r="A261">
        <v>3767</v>
      </c>
      <c r="B261">
        <v>175391</v>
      </c>
      <c r="C261" s="1">
        <v>43126</v>
      </c>
      <c r="D261">
        <v>274</v>
      </c>
      <c r="E261">
        <v>46</v>
      </c>
      <c r="F261" t="s">
        <v>75</v>
      </c>
      <c r="G261">
        <v>3</v>
      </c>
      <c r="H261">
        <v>480</v>
      </c>
      <c r="I261">
        <v>1</v>
      </c>
      <c r="J261">
        <v>0</v>
      </c>
      <c r="K261">
        <v>777283</v>
      </c>
      <c r="L261">
        <v>777284</v>
      </c>
      <c r="M261">
        <v>108</v>
      </c>
      <c r="N261" t="s">
        <v>40</v>
      </c>
      <c r="O261" s="1">
        <v>43127.146527777775</v>
      </c>
      <c r="P261" s="1">
        <v>43127.147222222222</v>
      </c>
    </row>
    <row r="262" spans="1:16" x14ac:dyDescent="0.4">
      <c r="A262">
        <v>3768</v>
      </c>
      <c r="B262">
        <v>175391</v>
      </c>
      <c r="C262" s="1">
        <v>43126</v>
      </c>
      <c r="D262">
        <v>57</v>
      </c>
      <c r="E262">
        <v>30</v>
      </c>
      <c r="F262" t="s">
        <v>60</v>
      </c>
      <c r="G262">
        <v>3</v>
      </c>
      <c r="H262">
        <v>320</v>
      </c>
      <c r="I262">
        <v>1</v>
      </c>
      <c r="J262">
        <v>0</v>
      </c>
      <c r="K262">
        <v>777285</v>
      </c>
      <c r="L262">
        <v>777286</v>
      </c>
      <c r="M262">
        <v>108</v>
      </c>
      <c r="N262" t="s">
        <v>40</v>
      </c>
      <c r="O262" s="1">
        <v>43127.146527777775</v>
      </c>
      <c r="P262" s="1">
        <v>43127.147222222222</v>
      </c>
    </row>
    <row r="263" spans="1:16" x14ac:dyDescent="0.4">
      <c r="A263">
        <v>3769</v>
      </c>
      <c r="B263">
        <v>175552</v>
      </c>
      <c r="C263" s="1">
        <v>43128</v>
      </c>
      <c r="D263">
        <v>295</v>
      </c>
      <c r="E263">
        <v>549</v>
      </c>
      <c r="F263" t="s">
        <v>53</v>
      </c>
      <c r="G263">
        <v>1</v>
      </c>
      <c r="H263">
        <v>500</v>
      </c>
      <c r="I263">
        <v>2</v>
      </c>
      <c r="J263">
        <v>0</v>
      </c>
      <c r="K263">
        <v>778126</v>
      </c>
      <c r="L263">
        <v>778127</v>
      </c>
      <c r="M263">
        <v>29</v>
      </c>
      <c r="N263" t="s">
        <v>97</v>
      </c>
      <c r="O263" s="1">
        <v>43129.197222222225</v>
      </c>
      <c r="P263" s="1">
        <v>43129.199305555558</v>
      </c>
    </row>
    <row r="264" spans="1:16" x14ac:dyDescent="0.4">
      <c r="A264">
        <v>3770</v>
      </c>
      <c r="B264">
        <v>175853</v>
      </c>
      <c r="C264" s="1">
        <v>43134</v>
      </c>
      <c r="D264">
        <v>290</v>
      </c>
      <c r="E264">
        <v>1260</v>
      </c>
      <c r="F264" t="s">
        <v>22</v>
      </c>
      <c r="G264">
        <v>6</v>
      </c>
      <c r="H264">
        <v>500</v>
      </c>
      <c r="I264">
        <v>1</v>
      </c>
      <c r="J264">
        <v>0</v>
      </c>
      <c r="K264">
        <v>779367</v>
      </c>
      <c r="L264">
        <v>779368</v>
      </c>
      <c r="M264">
        <v>92</v>
      </c>
      <c r="N264" t="s">
        <v>85</v>
      </c>
      <c r="O264" s="1">
        <v>43134.582638888889</v>
      </c>
      <c r="P264" s="1">
        <v>43134.583333333336</v>
      </c>
    </row>
    <row r="265" spans="1:16" x14ac:dyDescent="0.4">
      <c r="A265">
        <v>3774</v>
      </c>
      <c r="B265">
        <v>175930</v>
      </c>
      <c r="C265" s="1">
        <v>43134</v>
      </c>
      <c r="D265">
        <v>295</v>
      </c>
      <c r="E265">
        <v>549</v>
      </c>
      <c r="F265" t="s">
        <v>53</v>
      </c>
      <c r="G265">
        <v>1</v>
      </c>
      <c r="H265">
        <v>500</v>
      </c>
      <c r="I265">
        <v>1</v>
      </c>
      <c r="J265">
        <v>0</v>
      </c>
      <c r="K265">
        <v>779674</v>
      </c>
      <c r="L265">
        <v>779675</v>
      </c>
      <c r="M265">
        <v>108</v>
      </c>
      <c r="N265" t="s">
        <v>40</v>
      </c>
      <c r="O265" s="1">
        <v>43135.099305555559</v>
      </c>
      <c r="P265" s="1">
        <v>43135.1</v>
      </c>
    </row>
    <row r="266" spans="1:16" x14ac:dyDescent="0.4">
      <c r="A266">
        <v>3775</v>
      </c>
      <c r="B266">
        <v>176145</v>
      </c>
      <c r="C266" s="1">
        <v>43138</v>
      </c>
      <c r="D266">
        <v>295</v>
      </c>
      <c r="E266">
        <v>549</v>
      </c>
      <c r="F266" t="s">
        <v>53</v>
      </c>
      <c r="G266">
        <v>16</v>
      </c>
      <c r="H266">
        <v>500</v>
      </c>
      <c r="I266">
        <v>1</v>
      </c>
      <c r="J266">
        <v>0</v>
      </c>
      <c r="K266">
        <v>780525</v>
      </c>
      <c r="L266">
        <v>780526</v>
      </c>
      <c r="M266">
        <v>100</v>
      </c>
      <c r="N266" t="s">
        <v>1</v>
      </c>
      <c r="O266" s="1">
        <v>43139.047222222223</v>
      </c>
      <c r="P266" s="1">
        <v>43139.05</v>
      </c>
    </row>
    <row r="267" spans="1:16" x14ac:dyDescent="0.4">
      <c r="A267">
        <v>3776</v>
      </c>
      <c r="B267">
        <v>176171</v>
      </c>
      <c r="C267" s="1">
        <v>43139</v>
      </c>
      <c r="D267">
        <v>57</v>
      </c>
      <c r="E267">
        <v>30</v>
      </c>
      <c r="F267" t="s">
        <v>60</v>
      </c>
      <c r="G267">
        <v>1</v>
      </c>
      <c r="H267">
        <v>320</v>
      </c>
      <c r="I267">
        <v>1</v>
      </c>
      <c r="J267">
        <v>0</v>
      </c>
      <c r="K267">
        <v>780620</v>
      </c>
      <c r="L267">
        <v>780621</v>
      </c>
      <c r="M267">
        <v>96</v>
      </c>
      <c r="N267" t="s">
        <v>7</v>
      </c>
      <c r="O267" s="1">
        <v>43139.694444444445</v>
      </c>
      <c r="P267" s="1">
        <v>43139.696527777778</v>
      </c>
    </row>
    <row r="268" spans="1:16" x14ac:dyDescent="0.4">
      <c r="A268">
        <v>3777</v>
      </c>
      <c r="B268">
        <v>176225</v>
      </c>
      <c r="C268" s="1">
        <v>43140</v>
      </c>
      <c r="D268">
        <v>295</v>
      </c>
      <c r="E268">
        <v>549</v>
      </c>
      <c r="F268" t="s">
        <v>53</v>
      </c>
      <c r="G268">
        <v>9</v>
      </c>
      <c r="H268">
        <v>500</v>
      </c>
      <c r="I268">
        <v>1</v>
      </c>
      <c r="J268">
        <v>0</v>
      </c>
      <c r="K268">
        <v>780823</v>
      </c>
      <c r="L268">
        <v>780824</v>
      </c>
      <c r="M268">
        <v>84</v>
      </c>
      <c r="N268" t="s">
        <v>79</v>
      </c>
      <c r="O268" s="1">
        <v>43140.883333333331</v>
      </c>
      <c r="P268" s="1">
        <v>43140.884722222225</v>
      </c>
    </row>
    <row r="269" spans="1:16" x14ac:dyDescent="0.4">
      <c r="A269">
        <v>3778</v>
      </c>
      <c r="B269">
        <v>176402</v>
      </c>
      <c r="C269" s="1">
        <v>43142</v>
      </c>
      <c r="D269">
        <v>147</v>
      </c>
      <c r="E269">
        <v>1131</v>
      </c>
      <c r="F269" t="s">
        <v>21</v>
      </c>
      <c r="G269">
        <v>2</v>
      </c>
      <c r="H269">
        <v>450</v>
      </c>
      <c r="I269">
        <v>1</v>
      </c>
      <c r="J269">
        <v>0</v>
      </c>
      <c r="K269">
        <v>781767</v>
      </c>
      <c r="L269">
        <v>781768</v>
      </c>
      <c r="M269">
        <v>84</v>
      </c>
      <c r="N269" t="s">
        <v>79</v>
      </c>
      <c r="O269" s="1">
        <v>43142.845833333333</v>
      </c>
      <c r="P269" s="1">
        <v>43142.84652777778</v>
      </c>
    </row>
    <row r="270" spans="1:16" x14ac:dyDescent="0.4">
      <c r="A270">
        <v>3779</v>
      </c>
      <c r="B270">
        <v>176545</v>
      </c>
      <c r="C270" s="1">
        <v>43144</v>
      </c>
      <c r="D270">
        <v>295</v>
      </c>
      <c r="E270">
        <v>549</v>
      </c>
      <c r="F270" t="s">
        <v>53</v>
      </c>
      <c r="G270">
        <v>2</v>
      </c>
      <c r="H270">
        <v>500</v>
      </c>
      <c r="I270">
        <v>1</v>
      </c>
      <c r="J270">
        <v>0</v>
      </c>
      <c r="K270">
        <v>782337</v>
      </c>
      <c r="L270">
        <v>782338</v>
      </c>
      <c r="M270">
        <v>100</v>
      </c>
      <c r="N270" t="s">
        <v>1</v>
      </c>
      <c r="O270" s="1">
        <v>43145.045138888891</v>
      </c>
      <c r="P270" s="1">
        <v>43145.056250000001</v>
      </c>
    </row>
    <row r="271" spans="1:16" x14ac:dyDescent="0.4">
      <c r="A271">
        <v>3780</v>
      </c>
      <c r="B271">
        <v>176638</v>
      </c>
      <c r="C271" s="1">
        <v>43146</v>
      </c>
      <c r="D271">
        <v>96</v>
      </c>
      <c r="E271">
        <v>20</v>
      </c>
      <c r="F271" t="s">
        <v>63</v>
      </c>
      <c r="G271">
        <v>12</v>
      </c>
      <c r="H271">
        <v>420</v>
      </c>
      <c r="I271">
        <v>3</v>
      </c>
      <c r="J271">
        <v>0</v>
      </c>
      <c r="K271">
        <v>782673</v>
      </c>
      <c r="L271">
        <v>782674</v>
      </c>
      <c r="M271">
        <v>106</v>
      </c>
      <c r="N271" t="s">
        <v>99</v>
      </c>
      <c r="O271" s="1">
        <v>43146.872916666667</v>
      </c>
      <c r="P271" s="1">
        <v>43146.875694444447</v>
      </c>
    </row>
    <row r="272" spans="1:16" x14ac:dyDescent="0.4">
      <c r="A272">
        <v>3781</v>
      </c>
      <c r="B272">
        <v>176793</v>
      </c>
      <c r="C272" s="1">
        <v>43148</v>
      </c>
      <c r="D272">
        <v>187</v>
      </c>
      <c r="E272">
        <v>226</v>
      </c>
      <c r="F272" t="s">
        <v>114</v>
      </c>
      <c r="G272">
        <v>2</v>
      </c>
      <c r="H272">
        <v>280</v>
      </c>
      <c r="I272">
        <v>1</v>
      </c>
      <c r="J272">
        <v>0</v>
      </c>
      <c r="K272">
        <v>783320</v>
      </c>
      <c r="L272">
        <v>783321</v>
      </c>
      <c r="M272">
        <v>106</v>
      </c>
      <c r="N272" t="s">
        <v>99</v>
      </c>
      <c r="O272" s="1">
        <v>43148.830555555556</v>
      </c>
      <c r="P272" s="1">
        <v>43148.832638888889</v>
      </c>
    </row>
    <row r="273" spans="1:16" x14ac:dyDescent="0.4">
      <c r="A273">
        <v>3782</v>
      </c>
      <c r="B273">
        <v>176795</v>
      </c>
      <c r="C273" s="1">
        <v>43148</v>
      </c>
      <c r="D273">
        <v>61</v>
      </c>
      <c r="E273">
        <v>34</v>
      </c>
      <c r="F273" t="s">
        <v>115</v>
      </c>
      <c r="G273">
        <v>19</v>
      </c>
      <c r="H273">
        <v>320</v>
      </c>
      <c r="I273">
        <v>1</v>
      </c>
      <c r="J273">
        <v>0</v>
      </c>
      <c r="K273">
        <v>783339</v>
      </c>
      <c r="L273">
        <v>783340</v>
      </c>
      <c r="M273">
        <v>106</v>
      </c>
      <c r="N273" t="s">
        <v>99</v>
      </c>
      <c r="O273" s="1">
        <v>43148.845138888886</v>
      </c>
      <c r="P273" s="1">
        <v>43148.847222222219</v>
      </c>
    </row>
    <row r="274" spans="1:16" x14ac:dyDescent="0.4">
      <c r="A274">
        <v>3783</v>
      </c>
      <c r="B274">
        <v>176795</v>
      </c>
      <c r="C274" s="1">
        <v>43148</v>
      </c>
      <c r="D274">
        <v>274</v>
      </c>
      <c r="E274">
        <v>46</v>
      </c>
      <c r="F274" t="s">
        <v>75</v>
      </c>
      <c r="G274">
        <v>19</v>
      </c>
      <c r="H274">
        <v>480</v>
      </c>
      <c r="I274">
        <v>1</v>
      </c>
      <c r="J274">
        <v>0</v>
      </c>
      <c r="K274">
        <v>783341</v>
      </c>
      <c r="L274">
        <v>783342</v>
      </c>
      <c r="M274">
        <v>106</v>
      </c>
      <c r="N274" t="s">
        <v>99</v>
      </c>
      <c r="O274" s="1">
        <v>43148.845138888886</v>
      </c>
      <c r="P274" s="1">
        <v>43148.847916666666</v>
      </c>
    </row>
    <row r="275" spans="1:16" x14ac:dyDescent="0.4">
      <c r="A275">
        <v>3784</v>
      </c>
      <c r="B275">
        <v>176795</v>
      </c>
      <c r="C275" s="1">
        <v>43148</v>
      </c>
      <c r="D275">
        <v>316</v>
      </c>
      <c r="E275">
        <v>245</v>
      </c>
      <c r="F275" t="s">
        <v>105</v>
      </c>
      <c r="G275">
        <v>19</v>
      </c>
      <c r="H275">
        <v>480</v>
      </c>
      <c r="I275">
        <v>1</v>
      </c>
      <c r="J275">
        <v>0</v>
      </c>
      <c r="K275">
        <v>783343</v>
      </c>
      <c r="L275">
        <v>783344</v>
      </c>
      <c r="M275">
        <v>106</v>
      </c>
      <c r="N275" t="s">
        <v>99</v>
      </c>
      <c r="O275" s="1">
        <v>43148.845138888886</v>
      </c>
      <c r="P275" s="1">
        <v>43148.847916666666</v>
      </c>
    </row>
    <row r="276" spans="1:16" x14ac:dyDescent="0.4">
      <c r="A276">
        <v>3785</v>
      </c>
      <c r="B276">
        <v>176841</v>
      </c>
      <c r="C276" s="1">
        <v>43148</v>
      </c>
      <c r="D276">
        <v>127</v>
      </c>
      <c r="E276">
        <v>136</v>
      </c>
      <c r="F276" t="s">
        <v>32</v>
      </c>
      <c r="G276">
        <v>3</v>
      </c>
      <c r="H276">
        <v>600</v>
      </c>
      <c r="I276">
        <v>1</v>
      </c>
      <c r="J276">
        <v>0</v>
      </c>
      <c r="K276">
        <v>783671</v>
      </c>
      <c r="L276">
        <v>783672</v>
      </c>
      <c r="M276">
        <v>108</v>
      </c>
      <c r="N276" t="s">
        <v>40</v>
      </c>
      <c r="O276" s="1">
        <v>43149.213194444441</v>
      </c>
      <c r="P276" s="1">
        <v>43149.227083333331</v>
      </c>
    </row>
    <row r="277" spans="1:16" x14ac:dyDescent="0.4">
      <c r="A277">
        <v>3786</v>
      </c>
      <c r="B277">
        <v>176871</v>
      </c>
      <c r="C277" s="1">
        <v>43149</v>
      </c>
      <c r="D277">
        <v>290</v>
      </c>
      <c r="E277">
        <v>1260</v>
      </c>
      <c r="F277" t="s">
        <v>22</v>
      </c>
      <c r="G277">
        <v>19</v>
      </c>
      <c r="H277">
        <v>500</v>
      </c>
      <c r="I277">
        <v>2</v>
      </c>
      <c r="J277">
        <v>0</v>
      </c>
      <c r="K277">
        <v>783776</v>
      </c>
      <c r="L277">
        <v>783777</v>
      </c>
      <c r="M277">
        <v>92</v>
      </c>
      <c r="N277" t="s">
        <v>85</v>
      </c>
      <c r="O277" s="1">
        <v>43149.619444444441</v>
      </c>
      <c r="P277" s="1">
        <v>43149.620138888888</v>
      </c>
    </row>
    <row r="278" spans="1:16" x14ac:dyDescent="0.4">
      <c r="A278">
        <v>3787</v>
      </c>
      <c r="B278">
        <v>177145</v>
      </c>
      <c r="C278" s="1">
        <v>43154</v>
      </c>
      <c r="D278">
        <v>16</v>
      </c>
      <c r="E278">
        <v>120</v>
      </c>
      <c r="F278" t="s">
        <v>58</v>
      </c>
      <c r="G278">
        <v>2</v>
      </c>
      <c r="H278">
        <v>450</v>
      </c>
      <c r="I278">
        <v>1</v>
      </c>
      <c r="J278">
        <v>0</v>
      </c>
      <c r="K278">
        <v>784792</v>
      </c>
      <c r="L278">
        <v>784793</v>
      </c>
      <c r="M278">
        <v>84</v>
      </c>
      <c r="N278" t="s">
        <v>79</v>
      </c>
      <c r="O278" s="1">
        <v>43154.674305555556</v>
      </c>
      <c r="P278" s="1">
        <v>43154.675000000003</v>
      </c>
    </row>
    <row r="279" spans="1:16" x14ac:dyDescent="0.4">
      <c r="A279">
        <v>3790</v>
      </c>
      <c r="B279">
        <v>177391</v>
      </c>
      <c r="C279" s="1">
        <v>43156</v>
      </c>
      <c r="D279">
        <v>241</v>
      </c>
      <c r="E279">
        <v>45</v>
      </c>
      <c r="F279" t="s">
        <v>116</v>
      </c>
      <c r="G279">
        <v>4</v>
      </c>
      <c r="H279">
        <v>100</v>
      </c>
      <c r="I279">
        <v>1</v>
      </c>
      <c r="J279">
        <v>0</v>
      </c>
      <c r="K279">
        <v>786013</v>
      </c>
      <c r="L279">
        <v>786014</v>
      </c>
      <c r="M279">
        <v>29</v>
      </c>
      <c r="N279" t="s">
        <v>97</v>
      </c>
      <c r="O279" s="1">
        <v>43157.170138888891</v>
      </c>
      <c r="P279" s="1">
        <v>43157.170138888891</v>
      </c>
    </row>
    <row r="280" spans="1:16" x14ac:dyDescent="0.4">
      <c r="A280">
        <v>3791</v>
      </c>
      <c r="B280">
        <v>177720</v>
      </c>
      <c r="C280" s="1">
        <v>43161</v>
      </c>
      <c r="D280">
        <v>148</v>
      </c>
      <c r="E280">
        <v>124</v>
      </c>
      <c r="F280" t="s">
        <v>35</v>
      </c>
      <c r="G280">
        <v>14</v>
      </c>
      <c r="H280">
        <v>450</v>
      </c>
      <c r="I280">
        <v>1</v>
      </c>
      <c r="J280">
        <v>0</v>
      </c>
      <c r="K280">
        <v>787358</v>
      </c>
      <c r="L280">
        <v>787359</v>
      </c>
      <c r="M280">
        <v>108</v>
      </c>
      <c r="N280" t="s">
        <v>40</v>
      </c>
      <c r="O280" s="1">
        <v>43162.057638888888</v>
      </c>
      <c r="P280" s="1">
        <v>43162.057638888888</v>
      </c>
    </row>
    <row r="281" spans="1:16" x14ac:dyDescent="0.4">
      <c r="A281">
        <v>3793</v>
      </c>
      <c r="B281">
        <v>177897</v>
      </c>
      <c r="C281" s="1">
        <v>43163</v>
      </c>
      <c r="D281">
        <v>97</v>
      </c>
      <c r="E281">
        <v>21</v>
      </c>
      <c r="F281" t="s">
        <v>117</v>
      </c>
      <c r="G281">
        <v>20</v>
      </c>
      <c r="H281">
        <v>420</v>
      </c>
      <c r="I281">
        <v>1</v>
      </c>
      <c r="J281">
        <v>0</v>
      </c>
      <c r="K281">
        <v>788113</v>
      </c>
      <c r="L281">
        <v>788114</v>
      </c>
      <c r="M281">
        <v>108</v>
      </c>
      <c r="N281" t="s">
        <v>40</v>
      </c>
      <c r="O281" s="1">
        <v>43163.902083333334</v>
      </c>
      <c r="P281" s="1">
        <v>43163.902777777781</v>
      </c>
    </row>
    <row r="282" spans="1:16" x14ac:dyDescent="0.4">
      <c r="A282">
        <v>3794</v>
      </c>
      <c r="B282">
        <v>178124</v>
      </c>
      <c r="C282" s="1">
        <v>43167</v>
      </c>
      <c r="D282">
        <v>151</v>
      </c>
      <c r="E282">
        <v>128</v>
      </c>
      <c r="F282" t="s">
        <v>118</v>
      </c>
      <c r="G282">
        <v>6</v>
      </c>
      <c r="H282">
        <v>450</v>
      </c>
      <c r="I282">
        <v>1</v>
      </c>
      <c r="J282">
        <v>0</v>
      </c>
      <c r="K282">
        <v>789019</v>
      </c>
      <c r="L282">
        <v>789020</v>
      </c>
      <c r="M282">
        <v>108</v>
      </c>
      <c r="N282" t="s">
        <v>40</v>
      </c>
      <c r="O282" s="1">
        <v>43167.931250000001</v>
      </c>
      <c r="P282" s="1">
        <v>43167.931250000001</v>
      </c>
    </row>
    <row r="283" spans="1:16" x14ac:dyDescent="0.4">
      <c r="A283">
        <v>3796</v>
      </c>
      <c r="B283">
        <v>178374</v>
      </c>
      <c r="C283" s="1">
        <v>43170</v>
      </c>
      <c r="D283">
        <v>120</v>
      </c>
      <c r="E283">
        <v>140</v>
      </c>
      <c r="F283" t="s">
        <v>119</v>
      </c>
      <c r="G283">
        <v>2</v>
      </c>
      <c r="H283">
        <v>280</v>
      </c>
      <c r="I283">
        <v>1</v>
      </c>
      <c r="J283">
        <v>0</v>
      </c>
      <c r="K283">
        <v>790143</v>
      </c>
      <c r="L283">
        <v>790144</v>
      </c>
      <c r="M283">
        <v>92</v>
      </c>
      <c r="N283" t="s">
        <v>85</v>
      </c>
      <c r="O283" s="1">
        <v>43170.728472222225</v>
      </c>
      <c r="P283" s="1">
        <v>43170.729166666664</v>
      </c>
    </row>
    <row r="284" spans="1:16" x14ac:dyDescent="0.4">
      <c r="A284">
        <v>3797</v>
      </c>
      <c r="B284">
        <v>178709</v>
      </c>
      <c r="C284" s="1">
        <v>43175</v>
      </c>
      <c r="D284">
        <v>122</v>
      </c>
      <c r="E284">
        <v>142</v>
      </c>
      <c r="F284" t="s">
        <v>25</v>
      </c>
      <c r="G284">
        <v>1</v>
      </c>
      <c r="H284">
        <v>350</v>
      </c>
      <c r="I284">
        <v>1</v>
      </c>
      <c r="J284">
        <v>0</v>
      </c>
      <c r="K284">
        <v>791525</v>
      </c>
      <c r="L284">
        <v>791526</v>
      </c>
      <c r="M284">
        <v>29</v>
      </c>
      <c r="N284" t="s">
        <v>97</v>
      </c>
      <c r="O284" s="1">
        <v>43175.838888888888</v>
      </c>
      <c r="P284" s="1">
        <v>43175.841666666667</v>
      </c>
    </row>
    <row r="285" spans="1:16" x14ac:dyDescent="0.4">
      <c r="A285">
        <v>3800</v>
      </c>
      <c r="B285">
        <v>178795</v>
      </c>
      <c r="C285" s="1">
        <v>43176</v>
      </c>
      <c r="D285">
        <v>92</v>
      </c>
      <c r="E285">
        <v>73</v>
      </c>
      <c r="F285" t="s">
        <v>120</v>
      </c>
      <c r="G285">
        <v>15</v>
      </c>
      <c r="H285">
        <v>480</v>
      </c>
      <c r="I285">
        <v>1</v>
      </c>
      <c r="J285">
        <v>0</v>
      </c>
      <c r="K285">
        <v>791926</v>
      </c>
      <c r="L285">
        <v>791927</v>
      </c>
      <c r="M285">
        <v>99</v>
      </c>
      <c r="N285" t="s">
        <v>43</v>
      </c>
      <c r="O285" s="1">
        <v>43176.756944444445</v>
      </c>
      <c r="P285" s="1">
        <v>43176.76666666667</v>
      </c>
    </row>
    <row r="286" spans="1:16" x14ac:dyDescent="0.4">
      <c r="A286">
        <v>3803</v>
      </c>
      <c r="B286">
        <v>178895</v>
      </c>
      <c r="C286" s="1">
        <v>43177</v>
      </c>
      <c r="D286">
        <v>187</v>
      </c>
      <c r="E286">
        <v>226</v>
      </c>
      <c r="F286" t="s">
        <v>114</v>
      </c>
      <c r="G286">
        <v>6</v>
      </c>
      <c r="H286">
        <v>280</v>
      </c>
      <c r="I286">
        <v>1</v>
      </c>
      <c r="J286">
        <v>0</v>
      </c>
      <c r="K286">
        <v>792466</v>
      </c>
      <c r="L286">
        <v>792467</v>
      </c>
      <c r="M286">
        <v>100</v>
      </c>
      <c r="N286" t="s">
        <v>1</v>
      </c>
      <c r="O286" s="1">
        <v>43177.842361111114</v>
      </c>
      <c r="P286" s="1">
        <v>43177.842361111114</v>
      </c>
    </row>
    <row r="287" spans="1:16" x14ac:dyDescent="0.4">
      <c r="A287">
        <v>3806</v>
      </c>
      <c r="B287">
        <v>179167</v>
      </c>
      <c r="C287" s="1">
        <v>43180</v>
      </c>
      <c r="D287">
        <v>125</v>
      </c>
      <c r="E287">
        <v>126</v>
      </c>
      <c r="F287" t="s">
        <v>8</v>
      </c>
      <c r="G287">
        <v>6</v>
      </c>
      <c r="H287">
        <v>380</v>
      </c>
      <c r="I287">
        <v>1</v>
      </c>
      <c r="J287">
        <v>0</v>
      </c>
      <c r="K287">
        <v>793604</v>
      </c>
      <c r="L287">
        <v>793605</v>
      </c>
      <c r="M287">
        <v>108</v>
      </c>
      <c r="N287" t="s">
        <v>40</v>
      </c>
      <c r="O287" s="1">
        <v>43181.113194444442</v>
      </c>
      <c r="P287" s="1">
        <v>43181.170138888891</v>
      </c>
    </row>
    <row r="288" spans="1:16" x14ac:dyDescent="0.4">
      <c r="A288">
        <v>3807</v>
      </c>
      <c r="B288">
        <v>179298</v>
      </c>
      <c r="C288" s="1">
        <v>43182</v>
      </c>
      <c r="D288">
        <v>122</v>
      </c>
      <c r="E288">
        <v>142</v>
      </c>
      <c r="F288" t="s">
        <v>25</v>
      </c>
      <c r="G288">
        <v>3</v>
      </c>
      <c r="H288">
        <v>350</v>
      </c>
      <c r="I288">
        <v>1</v>
      </c>
      <c r="J288">
        <v>0</v>
      </c>
      <c r="K288">
        <v>794117</v>
      </c>
      <c r="L288">
        <v>794118</v>
      </c>
      <c r="M288">
        <v>102</v>
      </c>
      <c r="N288" t="s">
        <v>27</v>
      </c>
      <c r="O288" s="1">
        <v>43182.843055555553</v>
      </c>
      <c r="P288" s="1">
        <v>43182.847916666666</v>
      </c>
    </row>
    <row r="289" spans="1:16" x14ac:dyDescent="0.4">
      <c r="A289">
        <v>3808</v>
      </c>
      <c r="B289">
        <v>179377</v>
      </c>
      <c r="C289" s="1">
        <v>43183</v>
      </c>
      <c r="D289">
        <v>280</v>
      </c>
      <c r="E289">
        <v>1266</v>
      </c>
      <c r="F289" t="s">
        <v>13</v>
      </c>
      <c r="G289">
        <v>1</v>
      </c>
      <c r="H289">
        <v>680</v>
      </c>
      <c r="I289">
        <v>1</v>
      </c>
      <c r="J289">
        <v>0</v>
      </c>
      <c r="K289">
        <v>794537</v>
      </c>
      <c r="L289">
        <v>794538</v>
      </c>
      <c r="M289">
        <v>84</v>
      </c>
      <c r="N289" t="s">
        <v>79</v>
      </c>
      <c r="O289" s="1">
        <v>43183.59097222222</v>
      </c>
      <c r="P289" s="1">
        <v>43183.59097222222</v>
      </c>
    </row>
    <row r="290" spans="1:16" x14ac:dyDescent="0.4">
      <c r="A290">
        <v>3810</v>
      </c>
      <c r="B290">
        <v>179738</v>
      </c>
      <c r="C290" s="1">
        <v>43187</v>
      </c>
      <c r="D290">
        <v>122</v>
      </c>
      <c r="E290">
        <v>142</v>
      </c>
      <c r="F290" t="s">
        <v>25</v>
      </c>
      <c r="G290">
        <v>8</v>
      </c>
      <c r="H290">
        <v>350</v>
      </c>
      <c r="I290">
        <v>1</v>
      </c>
      <c r="J290">
        <v>0</v>
      </c>
      <c r="K290">
        <v>796167</v>
      </c>
      <c r="L290">
        <v>796168</v>
      </c>
      <c r="M290">
        <v>29</v>
      </c>
      <c r="N290" t="s">
        <v>97</v>
      </c>
      <c r="O290" s="1">
        <v>43187.942361111112</v>
      </c>
      <c r="P290" s="1">
        <v>43187.951388888891</v>
      </c>
    </row>
    <row r="291" spans="1:16" x14ac:dyDescent="0.4">
      <c r="A291">
        <v>3811</v>
      </c>
      <c r="B291">
        <v>179896</v>
      </c>
      <c r="C291" s="1">
        <v>43189</v>
      </c>
      <c r="D291">
        <v>280</v>
      </c>
      <c r="E291">
        <v>1266</v>
      </c>
      <c r="F291" t="s">
        <v>13</v>
      </c>
      <c r="G291">
        <v>20</v>
      </c>
      <c r="H291">
        <v>680</v>
      </c>
      <c r="I291">
        <v>1</v>
      </c>
      <c r="J291">
        <v>0</v>
      </c>
      <c r="K291">
        <v>796857</v>
      </c>
      <c r="L291">
        <v>796858</v>
      </c>
      <c r="M291">
        <v>82</v>
      </c>
      <c r="N291" t="s">
        <v>87</v>
      </c>
      <c r="O291" s="1">
        <v>43189.911111111112</v>
      </c>
      <c r="P291" s="1">
        <v>43189.925694444442</v>
      </c>
    </row>
    <row r="292" spans="1:16" x14ac:dyDescent="0.4">
      <c r="A292">
        <v>3812</v>
      </c>
      <c r="B292">
        <v>180238</v>
      </c>
      <c r="C292" s="1">
        <v>43193</v>
      </c>
      <c r="D292">
        <v>142</v>
      </c>
      <c r="E292">
        <v>125</v>
      </c>
      <c r="F292" t="s">
        <v>31</v>
      </c>
      <c r="G292">
        <v>8</v>
      </c>
      <c r="H292">
        <v>350</v>
      </c>
      <c r="I292">
        <v>3</v>
      </c>
      <c r="J292">
        <v>1</v>
      </c>
      <c r="K292">
        <v>798322</v>
      </c>
      <c r="L292">
        <v>798323</v>
      </c>
      <c r="M292">
        <v>29</v>
      </c>
      <c r="N292" t="s">
        <v>97</v>
      </c>
      <c r="O292" s="1">
        <v>43194.025000000001</v>
      </c>
      <c r="P292" s="1">
        <v>43194.025000000001</v>
      </c>
    </row>
    <row r="293" spans="1:16" x14ac:dyDescent="0.4">
      <c r="A293">
        <v>3813</v>
      </c>
      <c r="B293">
        <v>180317</v>
      </c>
      <c r="C293" s="1">
        <v>43195</v>
      </c>
      <c r="D293">
        <v>125</v>
      </c>
      <c r="E293">
        <v>126</v>
      </c>
      <c r="F293" t="s">
        <v>8</v>
      </c>
      <c r="G293">
        <v>15</v>
      </c>
      <c r="H293">
        <v>380</v>
      </c>
      <c r="I293">
        <v>1</v>
      </c>
      <c r="J293">
        <v>0</v>
      </c>
      <c r="K293">
        <v>798621</v>
      </c>
      <c r="L293">
        <v>798622</v>
      </c>
      <c r="M293">
        <v>96</v>
      </c>
      <c r="N293" t="s">
        <v>7</v>
      </c>
      <c r="O293" s="1">
        <v>43195.53402777778</v>
      </c>
      <c r="P293" s="1">
        <v>43195.538194444445</v>
      </c>
    </row>
    <row r="294" spans="1:16" x14ac:dyDescent="0.4">
      <c r="A294">
        <v>3815</v>
      </c>
      <c r="B294">
        <v>180396</v>
      </c>
      <c r="C294" s="1">
        <v>43196</v>
      </c>
      <c r="D294">
        <v>162</v>
      </c>
      <c r="E294">
        <v>116</v>
      </c>
      <c r="F294" t="s">
        <v>81</v>
      </c>
      <c r="G294">
        <v>4</v>
      </c>
      <c r="H294">
        <v>550</v>
      </c>
      <c r="I294">
        <v>1</v>
      </c>
      <c r="J294">
        <v>0</v>
      </c>
      <c r="K294">
        <v>798905</v>
      </c>
      <c r="L294">
        <v>798906</v>
      </c>
      <c r="M294">
        <v>101</v>
      </c>
      <c r="N294" t="s">
        <v>83</v>
      </c>
      <c r="O294" s="1">
        <v>43196.834027777775</v>
      </c>
      <c r="P294" s="1">
        <v>43196.834027777775</v>
      </c>
    </row>
    <row r="295" spans="1:16" x14ac:dyDescent="0.4">
      <c r="A295">
        <v>3816</v>
      </c>
      <c r="B295">
        <v>180473</v>
      </c>
      <c r="C295" s="1">
        <v>43197</v>
      </c>
      <c r="D295">
        <v>213</v>
      </c>
      <c r="E295">
        <v>211</v>
      </c>
      <c r="F295" t="s">
        <v>46</v>
      </c>
      <c r="G295">
        <v>8</v>
      </c>
      <c r="H295">
        <v>0</v>
      </c>
      <c r="I295">
        <v>1</v>
      </c>
      <c r="J295">
        <v>0</v>
      </c>
      <c r="K295">
        <v>799320</v>
      </c>
      <c r="L295">
        <v>799321</v>
      </c>
      <c r="M295">
        <v>93</v>
      </c>
      <c r="N295" t="s">
        <v>76</v>
      </c>
      <c r="O295" s="1">
        <v>43197.728472222225</v>
      </c>
      <c r="P295" s="1">
        <v>43197.729166666664</v>
      </c>
    </row>
    <row r="296" spans="1:16" x14ac:dyDescent="0.4">
      <c r="A296">
        <v>3817</v>
      </c>
      <c r="B296">
        <v>181012</v>
      </c>
      <c r="C296" s="1">
        <v>43205</v>
      </c>
      <c r="D296">
        <v>126</v>
      </c>
      <c r="E296">
        <v>138</v>
      </c>
      <c r="F296" t="s">
        <v>66</v>
      </c>
      <c r="G296">
        <v>7</v>
      </c>
      <c r="H296">
        <v>380</v>
      </c>
      <c r="I296">
        <v>1</v>
      </c>
      <c r="J296">
        <v>0</v>
      </c>
      <c r="K296">
        <v>801670</v>
      </c>
      <c r="L296">
        <v>801671</v>
      </c>
      <c r="M296">
        <v>92</v>
      </c>
      <c r="N296" t="s">
        <v>85</v>
      </c>
      <c r="O296" s="1">
        <v>43205.71875</v>
      </c>
      <c r="P296" s="1">
        <v>43205.722222222219</v>
      </c>
    </row>
    <row r="297" spans="1:16" x14ac:dyDescent="0.4">
      <c r="A297">
        <v>3818</v>
      </c>
      <c r="B297">
        <v>181069</v>
      </c>
      <c r="C297" s="1">
        <v>43206</v>
      </c>
      <c r="D297">
        <v>213</v>
      </c>
      <c r="E297">
        <v>211</v>
      </c>
      <c r="F297" t="s">
        <v>46</v>
      </c>
      <c r="G297">
        <v>15</v>
      </c>
      <c r="H297">
        <v>0</v>
      </c>
      <c r="I297">
        <v>1</v>
      </c>
      <c r="J297">
        <v>0</v>
      </c>
      <c r="K297">
        <v>801940</v>
      </c>
      <c r="L297">
        <v>801941</v>
      </c>
      <c r="M297">
        <v>106</v>
      </c>
      <c r="N297" t="s">
        <v>99</v>
      </c>
      <c r="O297" s="1">
        <v>43206.790277777778</v>
      </c>
      <c r="P297" s="1">
        <v>43206.802083333336</v>
      </c>
    </row>
    <row r="298" spans="1:16" x14ac:dyDescent="0.4">
      <c r="A298">
        <v>3819</v>
      </c>
      <c r="B298">
        <v>181069</v>
      </c>
      <c r="C298" s="1">
        <v>43206</v>
      </c>
      <c r="D298">
        <v>213</v>
      </c>
      <c r="E298">
        <v>211</v>
      </c>
      <c r="F298" t="s">
        <v>46</v>
      </c>
      <c r="G298">
        <v>15</v>
      </c>
      <c r="H298">
        <v>0</v>
      </c>
      <c r="I298">
        <v>1</v>
      </c>
      <c r="J298">
        <v>0</v>
      </c>
      <c r="K298">
        <v>801942</v>
      </c>
      <c r="L298">
        <v>801943</v>
      </c>
      <c r="M298">
        <v>106</v>
      </c>
      <c r="N298" t="s">
        <v>99</v>
      </c>
      <c r="O298" s="1">
        <v>43206.790277777778</v>
      </c>
      <c r="P298" s="1">
        <v>43206.802083333336</v>
      </c>
    </row>
    <row r="299" spans="1:16" x14ac:dyDescent="0.4">
      <c r="A299">
        <v>3820</v>
      </c>
      <c r="B299">
        <v>181175</v>
      </c>
      <c r="C299" s="1">
        <v>43208</v>
      </c>
      <c r="D299">
        <v>84</v>
      </c>
      <c r="E299">
        <v>65</v>
      </c>
      <c r="F299" t="s">
        <v>71</v>
      </c>
      <c r="G299">
        <v>1</v>
      </c>
      <c r="H299">
        <v>400</v>
      </c>
      <c r="I299">
        <v>1</v>
      </c>
      <c r="J299">
        <v>0</v>
      </c>
      <c r="K299">
        <v>802318</v>
      </c>
      <c r="L299">
        <v>802319</v>
      </c>
      <c r="M299">
        <v>108</v>
      </c>
      <c r="N299" t="s">
        <v>40</v>
      </c>
      <c r="O299" s="1">
        <v>43208.879166666666</v>
      </c>
      <c r="P299" s="1">
        <v>43208.880555555559</v>
      </c>
    </row>
    <row r="300" spans="1:16" x14ac:dyDescent="0.4">
      <c r="A300">
        <v>3821</v>
      </c>
      <c r="B300">
        <v>181372</v>
      </c>
      <c r="C300" s="1">
        <v>43211</v>
      </c>
      <c r="D300">
        <v>98</v>
      </c>
      <c r="E300">
        <v>22</v>
      </c>
      <c r="F300" t="s">
        <v>121</v>
      </c>
      <c r="G300">
        <v>9</v>
      </c>
      <c r="H300">
        <v>580</v>
      </c>
      <c r="I300">
        <v>1</v>
      </c>
      <c r="J300">
        <v>0</v>
      </c>
      <c r="K300">
        <v>803254</v>
      </c>
      <c r="L300">
        <v>803255</v>
      </c>
      <c r="M300">
        <v>100</v>
      </c>
      <c r="N300" t="s">
        <v>1</v>
      </c>
      <c r="O300" s="1">
        <v>43211.755555555559</v>
      </c>
      <c r="P300" s="1">
        <v>43211.825694444444</v>
      </c>
    </row>
    <row r="301" spans="1:16" x14ac:dyDescent="0.4">
      <c r="A301">
        <v>3822</v>
      </c>
      <c r="B301">
        <v>181557</v>
      </c>
      <c r="C301" s="1">
        <v>43213</v>
      </c>
      <c r="D301">
        <v>294</v>
      </c>
      <c r="E301">
        <v>550</v>
      </c>
      <c r="F301" t="s">
        <v>122</v>
      </c>
      <c r="G301">
        <v>1</v>
      </c>
      <c r="H301">
        <v>500</v>
      </c>
      <c r="I301">
        <v>2</v>
      </c>
      <c r="J301">
        <v>1</v>
      </c>
      <c r="K301">
        <v>804103</v>
      </c>
      <c r="L301">
        <v>804104</v>
      </c>
      <c r="M301">
        <v>99</v>
      </c>
      <c r="N301" t="s">
        <v>43</v>
      </c>
      <c r="O301" s="1">
        <v>43213.927777777775</v>
      </c>
      <c r="P301" s="1">
        <v>43213.927777777775</v>
      </c>
    </row>
    <row r="302" spans="1:16" x14ac:dyDescent="0.4">
      <c r="A302">
        <v>3823</v>
      </c>
      <c r="B302">
        <v>181569</v>
      </c>
      <c r="C302" s="1">
        <v>43214</v>
      </c>
      <c r="D302">
        <v>96</v>
      </c>
      <c r="E302">
        <v>20</v>
      </c>
      <c r="F302" t="s">
        <v>63</v>
      </c>
      <c r="G302">
        <v>4</v>
      </c>
      <c r="H302">
        <v>420</v>
      </c>
      <c r="I302">
        <v>1</v>
      </c>
      <c r="J302">
        <v>0</v>
      </c>
      <c r="K302">
        <v>804162</v>
      </c>
      <c r="L302">
        <v>804163</v>
      </c>
      <c r="M302">
        <v>96</v>
      </c>
      <c r="N302" t="s">
        <v>7</v>
      </c>
      <c r="O302" s="1">
        <v>43214.566666666666</v>
      </c>
      <c r="P302" s="1">
        <v>43214.574305555558</v>
      </c>
    </row>
    <row r="303" spans="1:16" x14ac:dyDescent="0.4">
      <c r="A303">
        <v>3824</v>
      </c>
      <c r="B303">
        <v>181702</v>
      </c>
      <c r="C303" s="1">
        <v>43216</v>
      </c>
      <c r="D303">
        <v>142</v>
      </c>
      <c r="E303">
        <v>125</v>
      </c>
      <c r="F303" t="s">
        <v>31</v>
      </c>
      <c r="G303">
        <v>14</v>
      </c>
      <c r="H303">
        <v>350</v>
      </c>
      <c r="I303">
        <v>1</v>
      </c>
      <c r="J303">
        <v>0</v>
      </c>
      <c r="K303">
        <v>804704</v>
      </c>
      <c r="L303">
        <v>804705</v>
      </c>
      <c r="M303">
        <v>84</v>
      </c>
      <c r="N303" t="s">
        <v>79</v>
      </c>
      <c r="O303" s="1">
        <v>43216.866666666669</v>
      </c>
      <c r="P303" s="1">
        <v>43216.870833333334</v>
      </c>
    </row>
    <row r="304" spans="1:16" x14ac:dyDescent="0.4">
      <c r="A304">
        <v>3825</v>
      </c>
      <c r="B304">
        <v>181988</v>
      </c>
      <c r="C304" s="1">
        <v>43219</v>
      </c>
      <c r="D304">
        <v>290</v>
      </c>
      <c r="E304">
        <v>1260</v>
      </c>
      <c r="F304" t="s">
        <v>22</v>
      </c>
      <c r="G304">
        <v>6</v>
      </c>
      <c r="H304">
        <v>500</v>
      </c>
      <c r="I304">
        <v>1</v>
      </c>
      <c r="J304">
        <v>0</v>
      </c>
      <c r="K304">
        <v>806071</v>
      </c>
      <c r="L304">
        <v>806072</v>
      </c>
      <c r="M304">
        <v>99</v>
      </c>
      <c r="N304" t="s">
        <v>43</v>
      </c>
      <c r="O304" s="1">
        <v>43219.890972222223</v>
      </c>
      <c r="P304" s="1">
        <v>43219.965277777781</v>
      </c>
    </row>
    <row r="305" spans="1:16" x14ac:dyDescent="0.4">
      <c r="A305">
        <v>3826</v>
      </c>
      <c r="B305">
        <v>182071</v>
      </c>
      <c r="C305" s="1">
        <v>43220</v>
      </c>
      <c r="D305">
        <v>97</v>
      </c>
      <c r="E305">
        <v>21</v>
      </c>
      <c r="F305" t="s">
        <v>117</v>
      </c>
      <c r="G305">
        <v>13</v>
      </c>
      <c r="H305">
        <v>420</v>
      </c>
      <c r="I305">
        <v>1</v>
      </c>
      <c r="J305">
        <v>0</v>
      </c>
      <c r="K305">
        <v>806473</v>
      </c>
      <c r="L305">
        <v>806474</v>
      </c>
      <c r="M305">
        <v>106</v>
      </c>
      <c r="N305" t="s">
        <v>99</v>
      </c>
      <c r="O305" s="1">
        <v>43220.856249999997</v>
      </c>
      <c r="P305" s="1">
        <v>43220.902777777781</v>
      </c>
    </row>
    <row r="306" spans="1:16" x14ac:dyDescent="0.4">
      <c r="A306">
        <v>3827</v>
      </c>
      <c r="B306">
        <v>182328</v>
      </c>
      <c r="C306" s="1">
        <v>43223</v>
      </c>
      <c r="D306">
        <v>57</v>
      </c>
      <c r="E306">
        <v>30</v>
      </c>
      <c r="F306" t="s">
        <v>60</v>
      </c>
      <c r="G306">
        <v>5</v>
      </c>
      <c r="H306">
        <v>320</v>
      </c>
      <c r="I306">
        <v>1</v>
      </c>
      <c r="J306">
        <v>0</v>
      </c>
      <c r="K306">
        <v>807590</v>
      </c>
      <c r="L306">
        <v>807591</v>
      </c>
      <c r="M306">
        <v>84</v>
      </c>
      <c r="N306" t="s">
        <v>79</v>
      </c>
      <c r="O306" s="1">
        <v>43223.84375</v>
      </c>
      <c r="P306" s="1">
        <v>43223.852777777778</v>
      </c>
    </row>
    <row r="307" spans="1:16" x14ac:dyDescent="0.4">
      <c r="A307">
        <v>3828</v>
      </c>
      <c r="B307">
        <v>182328</v>
      </c>
      <c r="C307" s="1">
        <v>43223</v>
      </c>
      <c r="D307">
        <v>87</v>
      </c>
      <c r="E307">
        <v>68</v>
      </c>
      <c r="F307" t="s">
        <v>123</v>
      </c>
      <c r="G307">
        <v>5</v>
      </c>
      <c r="H307">
        <v>400</v>
      </c>
      <c r="I307">
        <v>1</v>
      </c>
      <c r="J307">
        <v>0</v>
      </c>
      <c r="K307">
        <v>807592</v>
      </c>
      <c r="L307">
        <v>807593</v>
      </c>
      <c r="M307">
        <v>84</v>
      </c>
      <c r="N307" t="s">
        <v>79</v>
      </c>
      <c r="O307" s="1">
        <v>43223.84375</v>
      </c>
      <c r="P307" s="1">
        <v>43223.852777777778</v>
      </c>
    </row>
    <row r="308" spans="1:16" x14ac:dyDescent="0.4">
      <c r="A308">
        <v>3829</v>
      </c>
      <c r="B308">
        <v>182424</v>
      </c>
      <c r="C308" s="1">
        <v>43224</v>
      </c>
      <c r="D308">
        <v>125</v>
      </c>
      <c r="E308">
        <v>126</v>
      </c>
      <c r="F308" t="s">
        <v>8</v>
      </c>
      <c r="G308">
        <v>7</v>
      </c>
      <c r="H308">
        <v>380</v>
      </c>
      <c r="I308">
        <v>1</v>
      </c>
      <c r="J308">
        <v>0</v>
      </c>
      <c r="K308">
        <v>808034</v>
      </c>
      <c r="L308">
        <v>808035</v>
      </c>
      <c r="M308">
        <v>108</v>
      </c>
      <c r="N308" t="s">
        <v>40</v>
      </c>
      <c r="O308" s="1">
        <v>43224.851388888892</v>
      </c>
      <c r="P308" s="1">
        <v>43224.852777777778</v>
      </c>
    </row>
    <row r="309" spans="1:16" x14ac:dyDescent="0.4">
      <c r="A309">
        <v>3830</v>
      </c>
      <c r="B309">
        <v>182509</v>
      </c>
      <c r="C309" s="1">
        <v>43225</v>
      </c>
      <c r="D309">
        <v>280</v>
      </c>
      <c r="E309">
        <v>1266</v>
      </c>
      <c r="F309" t="s">
        <v>13</v>
      </c>
      <c r="G309">
        <v>18</v>
      </c>
      <c r="H309">
        <v>680</v>
      </c>
      <c r="I309">
        <v>1</v>
      </c>
      <c r="J309">
        <v>0</v>
      </c>
      <c r="K309">
        <v>808419</v>
      </c>
      <c r="L309">
        <v>808420</v>
      </c>
      <c r="M309">
        <v>92</v>
      </c>
      <c r="N309" t="s">
        <v>85</v>
      </c>
      <c r="O309" s="1">
        <v>43225.714583333334</v>
      </c>
      <c r="P309" s="1">
        <v>43225.714583333334</v>
      </c>
    </row>
    <row r="310" spans="1:16" x14ac:dyDescent="0.4">
      <c r="A310">
        <v>3831</v>
      </c>
      <c r="B310">
        <v>182525</v>
      </c>
      <c r="C310" s="1">
        <v>43225</v>
      </c>
      <c r="D310">
        <v>186</v>
      </c>
      <c r="E310">
        <v>225</v>
      </c>
      <c r="F310" t="s">
        <v>34</v>
      </c>
      <c r="G310">
        <v>14</v>
      </c>
      <c r="H310">
        <v>350</v>
      </c>
      <c r="I310">
        <v>2</v>
      </c>
      <c r="J310">
        <v>0</v>
      </c>
      <c r="K310">
        <v>808476</v>
      </c>
      <c r="L310">
        <v>808477</v>
      </c>
      <c r="M310">
        <v>85</v>
      </c>
      <c r="N310" t="s">
        <v>124</v>
      </c>
      <c r="O310" s="1">
        <v>43225.850694444445</v>
      </c>
      <c r="P310" s="1">
        <v>43225.852083333331</v>
      </c>
    </row>
    <row r="311" spans="1:16" x14ac:dyDescent="0.4">
      <c r="A311">
        <v>3832</v>
      </c>
      <c r="B311">
        <v>182534</v>
      </c>
      <c r="C311" s="1">
        <v>43225</v>
      </c>
      <c r="D311">
        <v>84</v>
      </c>
      <c r="E311">
        <v>65</v>
      </c>
      <c r="F311" t="s">
        <v>71</v>
      </c>
      <c r="G311">
        <v>17</v>
      </c>
      <c r="H311">
        <v>400</v>
      </c>
      <c r="I311">
        <v>1</v>
      </c>
      <c r="J311">
        <v>0</v>
      </c>
      <c r="K311">
        <v>808561</v>
      </c>
      <c r="L311">
        <v>808562</v>
      </c>
      <c r="M311">
        <v>108</v>
      </c>
      <c r="N311" t="s">
        <v>40</v>
      </c>
      <c r="O311" s="1">
        <v>43225.936805555553</v>
      </c>
      <c r="P311" s="1">
        <v>43225.9375</v>
      </c>
    </row>
    <row r="312" spans="1:16" x14ac:dyDescent="0.4">
      <c r="A312">
        <v>3833</v>
      </c>
      <c r="B312">
        <v>182534</v>
      </c>
      <c r="C312" s="1">
        <v>43225</v>
      </c>
      <c r="D312">
        <v>205</v>
      </c>
      <c r="E312">
        <v>400</v>
      </c>
      <c r="F312" t="s">
        <v>125</v>
      </c>
      <c r="G312">
        <v>17</v>
      </c>
      <c r="H312">
        <v>320</v>
      </c>
      <c r="I312">
        <v>1</v>
      </c>
      <c r="J312">
        <v>0</v>
      </c>
      <c r="K312">
        <v>808563</v>
      </c>
      <c r="L312">
        <v>808564</v>
      </c>
      <c r="M312">
        <v>108</v>
      </c>
      <c r="N312" t="s">
        <v>40</v>
      </c>
      <c r="O312" s="1">
        <v>43225.936805555553</v>
      </c>
      <c r="P312" s="1">
        <v>43225.9375</v>
      </c>
    </row>
    <row r="313" spans="1:16" x14ac:dyDescent="0.4">
      <c r="A313">
        <v>3834</v>
      </c>
      <c r="B313">
        <v>182699</v>
      </c>
      <c r="C313" s="1">
        <v>43228</v>
      </c>
      <c r="D313">
        <v>73</v>
      </c>
      <c r="E313">
        <v>54</v>
      </c>
      <c r="F313" t="s">
        <v>36</v>
      </c>
      <c r="G313">
        <v>4</v>
      </c>
      <c r="H313">
        <v>0</v>
      </c>
      <c r="I313">
        <v>1</v>
      </c>
      <c r="J313">
        <v>0</v>
      </c>
      <c r="K313">
        <v>809327</v>
      </c>
      <c r="L313">
        <v>809328</v>
      </c>
      <c r="M313">
        <v>29</v>
      </c>
      <c r="N313" t="s">
        <v>97</v>
      </c>
      <c r="O313" s="1">
        <v>43229.186111111114</v>
      </c>
      <c r="P313" s="1">
        <v>43229.186805555553</v>
      </c>
    </row>
    <row r="314" spans="1:16" x14ac:dyDescent="0.4">
      <c r="A314">
        <v>3835</v>
      </c>
      <c r="B314">
        <v>183183</v>
      </c>
      <c r="C314" s="1">
        <v>43236</v>
      </c>
      <c r="D314">
        <v>126</v>
      </c>
      <c r="E314">
        <v>138</v>
      </c>
      <c r="F314" t="s">
        <v>66</v>
      </c>
      <c r="G314">
        <v>2</v>
      </c>
      <c r="H314">
        <v>380</v>
      </c>
      <c r="I314">
        <v>1</v>
      </c>
      <c r="J314">
        <v>0</v>
      </c>
      <c r="K314">
        <v>811377</v>
      </c>
      <c r="L314">
        <v>811378</v>
      </c>
      <c r="M314">
        <v>108</v>
      </c>
      <c r="N314" t="s">
        <v>40</v>
      </c>
      <c r="O314" s="1">
        <v>43237.243055555555</v>
      </c>
      <c r="P314" s="1">
        <v>43237.257638888892</v>
      </c>
    </row>
    <row r="315" spans="1:16" x14ac:dyDescent="0.4">
      <c r="A315">
        <v>3836</v>
      </c>
      <c r="B315">
        <v>183482</v>
      </c>
      <c r="C315" s="1">
        <v>43240</v>
      </c>
      <c r="D315">
        <v>153</v>
      </c>
      <c r="E315">
        <v>151</v>
      </c>
      <c r="F315" t="s">
        <v>108</v>
      </c>
      <c r="G315">
        <v>2</v>
      </c>
      <c r="H315">
        <v>420</v>
      </c>
      <c r="I315">
        <v>1</v>
      </c>
      <c r="J315">
        <v>0</v>
      </c>
      <c r="K315">
        <v>812714</v>
      </c>
      <c r="L315">
        <v>812715</v>
      </c>
      <c r="M315">
        <v>108</v>
      </c>
      <c r="N315" t="s">
        <v>40</v>
      </c>
      <c r="O315" s="1">
        <v>43241.072222222225</v>
      </c>
      <c r="P315" s="1">
        <v>43241.072916666664</v>
      </c>
    </row>
    <row r="316" spans="1:16" x14ac:dyDescent="0.4">
      <c r="A316">
        <v>3837</v>
      </c>
      <c r="B316">
        <v>183480</v>
      </c>
      <c r="C316" s="1">
        <v>43240</v>
      </c>
      <c r="D316">
        <v>146</v>
      </c>
      <c r="E316">
        <v>131</v>
      </c>
      <c r="F316" t="s">
        <v>41</v>
      </c>
      <c r="G316">
        <v>20</v>
      </c>
      <c r="H316">
        <v>450</v>
      </c>
      <c r="I316">
        <v>1</v>
      </c>
      <c r="J316">
        <v>0</v>
      </c>
      <c r="K316">
        <v>812724</v>
      </c>
      <c r="L316">
        <v>812725</v>
      </c>
      <c r="M316">
        <v>108</v>
      </c>
      <c r="N316" t="s">
        <v>40</v>
      </c>
      <c r="O316" s="1">
        <v>43241.095138888886</v>
      </c>
      <c r="P316" s="1">
        <v>43241.097916666666</v>
      </c>
    </row>
    <row r="317" spans="1:16" x14ac:dyDescent="0.4">
      <c r="A317">
        <v>3838</v>
      </c>
      <c r="B317">
        <v>183796</v>
      </c>
      <c r="C317" s="1">
        <v>43246</v>
      </c>
      <c r="D317">
        <v>125</v>
      </c>
      <c r="E317">
        <v>126</v>
      </c>
      <c r="F317" t="s">
        <v>8</v>
      </c>
      <c r="G317">
        <v>4</v>
      </c>
      <c r="H317">
        <v>380</v>
      </c>
      <c r="I317">
        <v>1</v>
      </c>
      <c r="J317">
        <v>0</v>
      </c>
      <c r="K317">
        <v>814062</v>
      </c>
      <c r="L317">
        <v>814063</v>
      </c>
      <c r="M317">
        <v>93</v>
      </c>
      <c r="N317" t="s">
        <v>76</v>
      </c>
      <c r="O317" s="1">
        <v>43246.633333333331</v>
      </c>
      <c r="P317" s="1">
        <v>43246.716666666667</v>
      </c>
    </row>
    <row r="318" spans="1:16" x14ac:dyDescent="0.4">
      <c r="A318">
        <v>3839</v>
      </c>
      <c r="B318">
        <v>183866</v>
      </c>
      <c r="C318" s="1">
        <v>43246</v>
      </c>
      <c r="D318">
        <v>295</v>
      </c>
      <c r="E318">
        <v>549</v>
      </c>
      <c r="F318" t="s">
        <v>53</v>
      </c>
      <c r="G318">
        <v>1</v>
      </c>
      <c r="H318">
        <v>500</v>
      </c>
      <c r="I318">
        <v>1</v>
      </c>
      <c r="J318">
        <v>0</v>
      </c>
      <c r="K318">
        <v>814413</v>
      </c>
      <c r="L318">
        <v>814414</v>
      </c>
      <c r="M318">
        <v>108</v>
      </c>
      <c r="N318" t="s">
        <v>40</v>
      </c>
      <c r="O318" s="1">
        <v>43247.135416666664</v>
      </c>
      <c r="P318" s="1">
        <v>43247.135416666664</v>
      </c>
    </row>
    <row r="319" spans="1:16" x14ac:dyDescent="0.4">
      <c r="A319">
        <v>3840</v>
      </c>
      <c r="B319">
        <v>183923</v>
      </c>
      <c r="C319" s="1">
        <v>43247</v>
      </c>
      <c r="D319">
        <v>290</v>
      </c>
      <c r="E319">
        <v>1260</v>
      </c>
      <c r="F319" t="s">
        <v>22</v>
      </c>
      <c r="G319">
        <v>2</v>
      </c>
      <c r="H319">
        <v>500</v>
      </c>
      <c r="I319">
        <v>1</v>
      </c>
      <c r="J319">
        <v>0</v>
      </c>
      <c r="K319">
        <v>814618</v>
      </c>
      <c r="L319">
        <v>814619</v>
      </c>
      <c r="M319">
        <v>99</v>
      </c>
      <c r="N319" t="s">
        <v>43</v>
      </c>
      <c r="O319" s="1">
        <v>43247.761805555558</v>
      </c>
      <c r="P319" s="1">
        <v>43247.761805555558</v>
      </c>
    </row>
    <row r="320" spans="1:16" x14ac:dyDescent="0.4">
      <c r="A320">
        <v>3841</v>
      </c>
      <c r="B320">
        <v>183990</v>
      </c>
      <c r="C320" s="1">
        <v>43248</v>
      </c>
      <c r="D320">
        <v>301</v>
      </c>
      <c r="E320">
        <v>1430</v>
      </c>
      <c r="F320" t="s">
        <v>126</v>
      </c>
      <c r="G320">
        <v>3</v>
      </c>
      <c r="H320">
        <v>380</v>
      </c>
      <c r="I320">
        <v>1</v>
      </c>
      <c r="J320">
        <v>0</v>
      </c>
      <c r="K320">
        <v>814931</v>
      </c>
      <c r="L320">
        <v>814932</v>
      </c>
      <c r="M320">
        <v>99</v>
      </c>
      <c r="N320" t="s">
        <v>43</v>
      </c>
      <c r="O320" s="1">
        <v>43248.82916666667</v>
      </c>
      <c r="P320" s="1">
        <v>43248.836805555555</v>
      </c>
    </row>
    <row r="321" spans="1:16" x14ac:dyDescent="0.4">
      <c r="A321">
        <v>3842</v>
      </c>
      <c r="B321">
        <v>184046</v>
      </c>
      <c r="C321" s="1">
        <v>43249</v>
      </c>
      <c r="D321">
        <v>146</v>
      </c>
      <c r="E321">
        <v>131</v>
      </c>
      <c r="F321" t="s">
        <v>41</v>
      </c>
      <c r="G321">
        <v>2</v>
      </c>
      <c r="H321">
        <v>450</v>
      </c>
      <c r="I321">
        <v>1</v>
      </c>
      <c r="J321">
        <v>0</v>
      </c>
      <c r="K321">
        <v>815164</v>
      </c>
      <c r="L321">
        <v>815165</v>
      </c>
      <c r="M321">
        <v>29</v>
      </c>
      <c r="N321" t="s">
        <v>97</v>
      </c>
      <c r="O321" s="1">
        <v>43250.102777777778</v>
      </c>
      <c r="P321" s="1">
        <v>43250.104861111111</v>
      </c>
    </row>
    <row r="322" spans="1:16" x14ac:dyDescent="0.4">
      <c r="A322">
        <v>3843</v>
      </c>
      <c r="B322">
        <v>184247</v>
      </c>
      <c r="C322" s="1">
        <v>43253</v>
      </c>
      <c r="D322">
        <v>125</v>
      </c>
      <c r="E322">
        <v>126</v>
      </c>
      <c r="F322" t="s">
        <v>8</v>
      </c>
      <c r="G322">
        <v>18</v>
      </c>
      <c r="H322">
        <v>380</v>
      </c>
      <c r="I322">
        <v>1</v>
      </c>
      <c r="J322">
        <v>0</v>
      </c>
      <c r="K322">
        <v>816077</v>
      </c>
      <c r="L322">
        <v>816078</v>
      </c>
      <c r="M322">
        <v>74</v>
      </c>
      <c r="O322" s="1">
        <v>43253.49722222222</v>
      </c>
      <c r="P322" s="1">
        <v>43253.61041666667</v>
      </c>
    </row>
    <row r="323" spans="1:16" x14ac:dyDescent="0.4">
      <c r="A323">
        <v>3844</v>
      </c>
      <c r="B323">
        <v>184469</v>
      </c>
      <c r="C323" s="1">
        <v>43255</v>
      </c>
      <c r="D323">
        <v>97</v>
      </c>
      <c r="E323">
        <v>21</v>
      </c>
      <c r="F323" t="s">
        <v>117</v>
      </c>
      <c r="G323">
        <v>1</v>
      </c>
      <c r="H323">
        <v>420</v>
      </c>
      <c r="I323">
        <v>1</v>
      </c>
      <c r="J323">
        <v>0</v>
      </c>
      <c r="K323">
        <v>817017</v>
      </c>
      <c r="L323">
        <v>817018</v>
      </c>
      <c r="M323">
        <v>108</v>
      </c>
      <c r="N323" t="s">
        <v>40</v>
      </c>
      <c r="O323" s="1">
        <v>43256.039583333331</v>
      </c>
      <c r="P323" s="1">
        <v>43256.040277777778</v>
      </c>
    </row>
    <row r="324" spans="1:16" x14ac:dyDescent="0.4">
      <c r="A324">
        <v>3845</v>
      </c>
      <c r="B324">
        <v>184567</v>
      </c>
      <c r="C324" s="1">
        <v>43257</v>
      </c>
      <c r="D324">
        <v>146</v>
      </c>
      <c r="E324">
        <v>131</v>
      </c>
      <c r="F324" t="s">
        <v>41</v>
      </c>
      <c r="G324">
        <v>6</v>
      </c>
      <c r="H324">
        <v>450</v>
      </c>
      <c r="I324">
        <v>1</v>
      </c>
      <c r="J324">
        <v>0</v>
      </c>
      <c r="K324">
        <v>817389</v>
      </c>
      <c r="L324">
        <v>817390</v>
      </c>
      <c r="M324">
        <v>29</v>
      </c>
      <c r="N324" t="s">
        <v>97</v>
      </c>
      <c r="O324" s="1">
        <v>43258.045138888891</v>
      </c>
      <c r="P324" s="1">
        <v>43258.04583333333</v>
      </c>
    </row>
    <row r="325" spans="1:16" x14ac:dyDescent="0.4">
      <c r="A325">
        <v>3846</v>
      </c>
      <c r="B325">
        <v>184705</v>
      </c>
      <c r="C325" s="1">
        <v>43260</v>
      </c>
      <c r="D325">
        <v>213</v>
      </c>
      <c r="E325">
        <v>211</v>
      </c>
      <c r="F325" t="s">
        <v>46</v>
      </c>
      <c r="G325">
        <v>19</v>
      </c>
      <c r="H325">
        <v>0</v>
      </c>
      <c r="I325">
        <v>1</v>
      </c>
      <c r="J325">
        <v>0</v>
      </c>
      <c r="K325">
        <v>818031</v>
      </c>
      <c r="L325">
        <v>818032</v>
      </c>
      <c r="M325">
        <v>0</v>
      </c>
      <c r="N325" t="s">
        <v>94</v>
      </c>
      <c r="O325" s="1">
        <v>43260.497916666667</v>
      </c>
      <c r="P325" s="1">
        <v>43260.498611111114</v>
      </c>
    </row>
    <row r="326" spans="1:16" x14ac:dyDescent="0.4">
      <c r="A326">
        <v>3847</v>
      </c>
      <c r="B326">
        <v>184818</v>
      </c>
      <c r="C326" s="1">
        <v>43261</v>
      </c>
      <c r="D326">
        <v>280</v>
      </c>
      <c r="E326">
        <v>1266</v>
      </c>
      <c r="F326" t="s">
        <v>13</v>
      </c>
      <c r="G326">
        <v>4</v>
      </c>
      <c r="H326">
        <v>680</v>
      </c>
      <c r="I326">
        <v>1</v>
      </c>
      <c r="J326">
        <v>0</v>
      </c>
      <c r="K326">
        <v>818484</v>
      </c>
      <c r="L326">
        <v>818485</v>
      </c>
      <c r="M326">
        <v>96</v>
      </c>
      <c r="N326" t="s">
        <v>7</v>
      </c>
      <c r="O326" s="1">
        <v>43261.473611111112</v>
      </c>
      <c r="P326" s="1">
        <v>43261.497916666667</v>
      </c>
    </row>
    <row r="327" spans="1:16" x14ac:dyDescent="0.4">
      <c r="A327">
        <v>3849</v>
      </c>
      <c r="B327">
        <v>185669</v>
      </c>
      <c r="C327" s="1">
        <v>43274</v>
      </c>
      <c r="D327">
        <v>274</v>
      </c>
      <c r="E327">
        <v>46</v>
      </c>
      <c r="F327" t="s">
        <v>75</v>
      </c>
      <c r="G327">
        <v>11</v>
      </c>
      <c r="H327">
        <v>480</v>
      </c>
      <c r="I327">
        <v>1</v>
      </c>
      <c r="J327">
        <v>0</v>
      </c>
      <c r="K327">
        <v>822110</v>
      </c>
      <c r="L327">
        <v>822111</v>
      </c>
      <c r="M327">
        <v>108</v>
      </c>
      <c r="N327" t="s">
        <v>40</v>
      </c>
      <c r="O327" s="1">
        <v>43274.875694444447</v>
      </c>
      <c r="P327" s="1">
        <v>43274.932638888888</v>
      </c>
    </row>
    <row r="328" spans="1:16" x14ac:dyDescent="0.4">
      <c r="A328">
        <v>3857</v>
      </c>
      <c r="B328">
        <v>186291</v>
      </c>
      <c r="C328" s="1">
        <v>43283</v>
      </c>
      <c r="D328">
        <v>97</v>
      </c>
      <c r="E328">
        <v>21</v>
      </c>
      <c r="F328" t="s">
        <v>117</v>
      </c>
      <c r="G328">
        <v>1</v>
      </c>
      <c r="H328">
        <v>420</v>
      </c>
      <c r="I328">
        <v>1</v>
      </c>
      <c r="J328">
        <v>0</v>
      </c>
      <c r="K328">
        <v>824891</v>
      </c>
      <c r="L328">
        <v>824892</v>
      </c>
      <c r="M328">
        <v>29</v>
      </c>
      <c r="N328" t="s">
        <v>97</v>
      </c>
      <c r="O328" s="1">
        <v>43284.170138888891</v>
      </c>
      <c r="P328" s="1">
        <v>43284.17083333333</v>
      </c>
    </row>
    <row r="329" spans="1:16" x14ac:dyDescent="0.4">
      <c r="A329">
        <v>3859</v>
      </c>
      <c r="B329">
        <v>186493</v>
      </c>
      <c r="C329" s="1">
        <v>43287</v>
      </c>
      <c r="D329">
        <v>164</v>
      </c>
      <c r="E329">
        <v>106</v>
      </c>
      <c r="F329" t="s">
        <v>127</v>
      </c>
      <c r="G329">
        <v>2</v>
      </c>
      <c r="H329">
        <v>550</v>
      </c>
      <c r="I329">
        <v>1</v>
      </c>
      <c r="J329">
        <v>0</v>
      </c>
      <c r="K329">
        <v>825627</v>
      </c>
      <c r="L329">
        <v>825628</v>
      </c>
      <c r="M329">
        <v>108</v>
      </c>
      <c r="N329" t="s">
        <v>40</v>
      </c>
      <c r="O329" s="1">
        <v>43287.880555555559</v>
      </c>
      <c r="P329" s="1">
        <v>43287.88958333333</v>
      </c>
    </row>
    <row r="330" spans="1:16" x14ac:dyDescent="0.4">
      <c r="A330">
        <v>3860</v>
      </c>
      <c r="B330">
        <v>186607</v>
      </c>
      <c r="C330" s="1">
        <v>43288</v>
      </c>
      <c r="D330">
        <v>336</v>
      </c>
      <c r="E330">
        <v>9</v>
      </c>
      <c r="F330" t="s">
        <v>128</v>
      </c>
      <c r="G330">
        <v>17</v>
      </c>
      <c r="H330">
        <v>480</v>
      </c>
      <c r="I330">
        <v>1</v>
      </c>
      <c r="J330">
        <v>0</v>
      </c>
      <c r="K330">
        <v>826129</v>
      </c>
      <c r="L330">
        <v>826130</v>
      </c>
      <c r="M330">
        <v>108</v>
      </c>
      <c r="N330" t="s">
        <v>40</v>
      </c>
      <c r="O330" s="1">
        <v>43288.912499999999</v>
      </c>
      <c r="P330" s="1">
        <v>43288.92083333333</v>
      </c>
    </row>
    <row r="331" spans="1:16" x14ac:dyDescent="0.4">
      <c r="A331">
        <v>3861</v>
      </c>
      <c r="B331">
        <v>187283</v>
      </c>
      <c r="C331" s="1">
        <v>43297</v>
      </c>
      <c r="D331">
        <v>144</v>
      </c>
      <c r="E331">
        <v>130</v>
      </c>
      <c r="F331" t="s">
        <v>42</v>
      </c>
      <c r="G331">
        <v>7</v>
      </c>
      <c r="H331">
        <v>200</v>
      </c>
      <c r="I331">
        <v>1</v>
      </c>
      <c r="J331">
        <v>0</v>
      </c>
      <c r="K331">
        <v>829075</v>
      </c>
      <c r="L331">
        <v>829076</v>
      </c>
      <c r="M331">
        <v>29</v>
      </c>
      <c r="N331" t="s">
        <v>97</v>
      </c>
      <c r="O331" s="1">
        <v>43298.106944444444</v>
      </c>
      <c r="P331" s="1">
        <v>43298.10833333333</v>
      </c>
    </row>
    <row r="332" spans="1:16" x14ac:dyDescent="0.4">
      <c r="A332">
        <v>3863</v>
      </c>
      <c r="B332">
        <v>187609</v>
      </c>
      <c r="C332" s="1">
        <v>43302</v>
      </c>
      <c r="D332">
        <v>213</v>
      </c>
      <c r="E332">
        <v>211</v>
      </c>
      <c r="F332" t="s">
        <v>46</v>
      </c>
      <c r="G332">
        <v>10</v>
      </c>
      <c r="H332">
        <v>0</v>
      </c>
      <c r="I332">
        <v>2</v>
      </c>
      <c r="J332">
        <v>0</v>
      </c>
      <c r="K332">
        <v>830384</v>
      </c>
      <c r="L332">
        <v>830385</v>
      </c>
      <c r="M332">
        <v>108</v>
      </c>
      <c r="N332" t="s">
        <v>40</v>
      </c>
      <c r="O332" s="1">
        <v>43302.868750000001</v>
      </c>
      <c r="P332" s="1">
        <v>43302.907638888886</v>
      </c>
    </row>
    <row r="333" spans="1:16" x14ac:dyDescent="0.4">
      <c r="A333">
        <v>3864</v>
      </c>
      <c r="B333">
        <v>187778</v>
      </c>
      <c r="C333" s="1">
        <v>43305</v>
      </c>
      <c r="D333">
        <v>300</v>
      </c>
      <c r="E333">
        <v>1433</v>
      </c>
      <c r="F333" t="s">
        <v>129</v>
      </c>
      <c r="G333">
        <v>20</v>
      </c>
      <c r="H333">
        <v>380</v>
      </c>
      <c r="I333">
        <v>1</v>
      </c>
      <c r="J333">
        <v>0</v>
      </c>
      <c r="K333">
        <v>831140</v>
      </c>
      <c r="L333">
        <v>831141</v>
      </c>
      <c r="M333">
        <v>102</v>
      </c>
      <c r="N333" t="s">
        <v>27</v>
      </c>
      <c r="O333" s="1">
        <v>43305.913888888892</v>
      </c>
      <c r="P333" s="1">
        <v>43305.918055555558</v>
      </c>
    </row>
    <row r="334" spans="1:16" x14ac:dyDescent="0.4">
      <c r="A334">
        <v>3866</v>
      </c>
      <c r="B334">
        <v>187857</v>
      </c>
      <c r="C334" s="1">
        <v>43307</v>
      </c>
      <c r="D334">
        <v>316</v>
      </c>
      <c r="E334">
        <v>245</v>
      </c>
      <c r="F334" t="s">
        <v>105</v>
      </c>
      <c r="G334">
        <v>20</v>
      </c>
      <c r="H334">
        <v>480</v>
      </c>
      <c r="I334">
        <v>1</v>
      </c>
      <c r="J334">
        <v>0</v>
      </c>
      <c r="K334">
        <v>831499</v>
      </c>
      <c r="L334">
        <v>831500</v>
      </c>
      <c r="M334">
        <v>108</v>
      </c>
      <c r="N334" t="s">
        <v>40</v>
      </c>
      <c r="O334" s="1">
        <v>43307.929861111108</v>
      </c>
      <c r="P334" s="1">
        <v>43307.929861111108</v>
      </c>
    </row>
    <row r="335" spans="1:16" x14ac:dyDescent="0.4">
      <c r="A335">
        <v>3867</v>
      </c>
      <c r="B335">
        <v>188000</v>
      </c>
      <c r="C335" s="1">
        <v>43310</v>
      </c>
      <c r="D335">
        <v>154</v>
      </c>
      <c r="E335">
        <v>152</v>
      </c>
      <c r="F335" t="s">
        <v>130</v>
      </c>
      <c r="G335">
        <v>4</v>
      </c>
      <c r="H335">
        <v>450</v>
      </c>
      <c r="I335">
        <v>1</v>
      </c>
      <c r="J335">
        <v>0</v>
      </c>
      <c r="K335">
        <v>832198</v>
      </c>
      <c r="L335">
        <v>832199</v>
      </c>
      <c r="M335">
        <v>108</v>
      </c>
      <c r="N335" t="s">
        <v>40</v>
      </c>
      <c r="O335" s="1">
        <v>43311.081944444442</v>
      </c>
      <c r="P335" s="1">
        <v>43311.090277777781</v>
      </c>
    </row>
    <row r="336" spans="1:16" x14ac:dyDescent="0.4">
      <c r="A336">
        <v>3868</v>
      </c>
      <c r="B336">
        <v>188067</v>
      </c>
      <c r="C336" s="1">
        <v>43312</v>
      </c>
      <c r="D336">
        <v>186</v>
      </c>
      <c r="E336">
        <v>225</v>
      </c>
      <c r="F336" t="s">
        <v>34</v>
      </c>
      <c r="G336">
        <v>6</v>
      </c>
      <c r="H336">
        <v>350</v>
      </c>
      <c r="I336">
        <v>2</v>
      </c>
      <c r="J336">
        <v>0</v>
      </c>
      <c r="K336">
        <v>832456</v>
      </c>
      <c r="L336">
        <v>832457</v>
      </c>
      <c r="M336">
        <v>29</v>
      </c>
      <c r="N336" t="s">
        <v>97</v>
      </c>
      <c r="O336" s="1">
        <v>43312.896527777775</v>
      </c>
      <c r="P336" s="1">
        <v>43312.899305555555</v>
      </c>
    </row>
    <row r="337" spans="1:16" x14ac:dyDescent="0.4">
      <c r="A337">
        <v>3870</v>
      </c>
      <c r="B337">
        <v>188325</v>
      </c>
      <c r="C337" s="1">
        <v>43317</v>
      </c>
      <c r="D337">
        <v>274</v>
      </c>
      <c r="E337">
        <v>46</v>
      </c>
      <c r="F337" t="s">
        <v>75</v>
      </c>
      <c r="G337">
        <v>17</v>
      </c>
      <c r="H337">
        <v>0</v>
      </c>
      <c r="I337">
        <v>1</v>
      </c>
      <c r="J337">
        <v>0</v>
      </c>
      <c r="K337">
        <v>833524</v>
      </c>
      <c r="L337">
        <v>833525</v>
      </c>
      <c r="M337">
        <v>99</v>
      </c>
      <c r="N337" t="s">
        <v>43</v>
      </c>
      <c r="O337" s="1">
        <v>43317.958333333336</v>
      </c>
      <c r="P337" s="1">
        <v>43317.959027777775</v>
      </c>
    </row>
    <row r="338" spans="1:16" x14ac:dyDescent="0.4">
      <c r="A338">
        <v>3871</v>
      </c>
      <c r="B338">
        <v>188429</v>
      </c>
      <c r="C338" s="1">
        <v>43319</v>
      </c>
      <c r="D338">
        <v>57</v>
      </c>
      <c r="E338">
        <v>30</v>
      </c>
      <c r="F338" t="s">
        <v>60</v>
      </c>
      <c r="G338">
        <v>12</v>
      </c>
      <c r="H338">
        <v>320</v>
      </c>
      <c r="I338">
        <v>2</v>
      </c>
      <c r="J338">
        <v>0</v>
      </c>
      <c r="K338">
        <v>833943</v>
      </c>
      <c r="L338">
        <v>833944</v>
      </c>
      <c r="M338">
        <v>100</v>
      </c>
      <c r="N338" t="s">
        <v>1</v>
      </c>
      <c r="O338" s="1">
        <v>43320.01666666667</v>
      </c>
      <c r="P338" s="1">
        <v>43320.087500000001</v>
      </c>
    </row>
    <row r="339" spans="1:16" x14ac:dyDescent="0.4">
      <c r="A339">
        <v>3883</v>
      </c>
      <c r="B339">
        <v>188575</v>
      </c>
      <c r="C339" s="1">
        <v>43322</v>
      </c>
      <c r="D339">
        <v>146</v>
      </c>
      <c r="E339">
        <v>131</v>
      </c>
      <c r="F339" t="s">
        <v>41</v>
      </c>
      <c r="G339">
        <v>14</v>
      </c>
      <c r="H339">
        <v>450</v>
      </c>
      <c r="I339">
        <v>1</v>
      </c>
      <c r="J339">
        <v>0</v>
      </c>
      <c r="K339">
        <v>834604</v>
      </c>
      <c r="L339">
        <v>834605</v>
      </c>
      <c r="M339">
        <v>108</v>
      </c>
      <c r="N339" t="s">
        <v>40</v>
      </c>
      <c r="O339" s="1">
        <v>43322.842361111114</v>
      </c>
      <c r="P339" s="1">
        <v>43322.851388888892</v>
      </c>
    </row>
    <row r="340" spans="1:16" x14ac:dyDescent="0.4">
      <c r="A340">
        <v>3884</v>
      </c>
      <c r="B340">
        <v>188697</v>
      </c>
      <c r="C340" s="1">
        <v>43323</v>
      </c>
      <c r="D340">
        <v>75</v>
      </c>
      <c r="E340">
        <v>56</v>
      </c>
      <c r="F340" t="s">
        <v>49</v>
      </c>
      <c r="G340">
        <v>11</v>
      </c>
      <c r="H340">
        <v>0</v>
      </c>
      <c r="I340">
        <v>1</v>
      </c>
      <c r="J340">
        <v>0</v>
      </c>
      <c r="K340">
        <v>835265</v>
      </c>
      <c r="L340">
        <v>835266</v>
      </c>
      <c r="M340">
        <v>108</v>
      </c>
      <c r="N340" t="s">
        <v>40</v>
      </c>
      <c r="O340" s="1">
        <v>43324.159722222219</v>
      </c>
      <c r="P340" s="1">
        <v>43324.15902777778</v>
      </c>
    </row>
    <row r="341" spans="1:16" x14ac:dyDescent="0.4">
      <c r="A341">
        <v>3885</v>
      </c>
      <c r="B341">
        <v>188778</v>
      </c>
      <c r="C341" s="1">
        <v>43324</v>
      </c>
      <c r="D341">
        <v>185</v>
      </c>
      <c r="E341">
        <v>278</v>
      </c>
      <c r="F341" t="s">
        <v>131</v>
      </c>
      <c r="G341">
        <v>20</v>
      </c>
      <c r="H341">
        <v>300</v>
      </c>
      <c r="I341">
        <v>1</v>
      </c>
      <c r="J341">
        <v>0</v>
      </c>
      <c r="K341">
        <v>835552</v>
      </c>
      <c r="L341">
        <v>835553</v>
      </c>
      <c r="M341">
        <v>85</v>
      </c>
      <c r="N341" t="s">
        <v>124</v>
      </c>
      <c r="O341" s="1">
        <v>43324.973611111112</v>
      </c>
      <c r="P341" s="1">
        <v>43324.974305555559</v>
      </c>
    </row>
    <row r="342" spans="1:16" x14ac:dyDescent="0.4">
      <c r="A342">
        <v>3886</v>
      </c>
      <c r="B342">
        <v>188856</v>
      </c>
      <c r="C342" s="1">
        <v>43325</v>
      </c>
      <c r="D342">
        <v>169</v>
      </c>
      <c r="E342">
        <v>304</v>
      </c>
      <c r="F342" t="s">
        <v>132</v>
      </c>
      <c r="G342">
        <v>16</v>
      </c>
      <c r="H342">
        <v>450</v>
      </c>
      <c r="I342">
        <v>1</v>
      </c>
      <c r="J342">
        <v>0</v>
      </c>
      <c r="K342">
        <v>835956</v>
      </c>
      <c r="L342">
        <v>835957</v>
      </c>
      <c r="M342">
        <v>99</v>
      </c>
      <c r="N342" t="s">
        <v>43</v>
      </c>
      <c r="O342" s="1">
        <v>43326.040972222225</v>
      </c>
      <c r="P342" s="1">
        <v>43326.106944444444</v>
      </c>
    </row>
    <row r="343" spans="1:16" x14ac:dyDescent="0.4">
      <c r="A343">
        <v>3887</v>
      </c>
      <c r="B343">
        <v>188877</v>
      </c>
      <c r="C343" s="1">
        <v>43326</v>
      </c>
      <c r="D343">
        <v>125</v>
      </c>
      <c r="E343">
        <v>126</v>
      </c>
      <c r="F343" t="s">
        <v>8</v>
      </c>
      <c r="G343">
        <v>8</v>
      </c>
      <c r="H343">
        <v>380</v>
      </c>
      <c r="I343">
        <v>1</v>
      </c>
      <c r="J343">
        <v>0</v>
      </c>
      <c r="K343">
        <v>836098</v>
      </c>
      <c r="L343">
        <v>836099</v>
      </c>
      <c r="M343">
        <v>90</v>
      </c>
      <c r="N343" t="s">
        <v>84</v>
      </c>
      <c r="O343" s="1">
        <v>43326.606944444444</v>
      </c>
      <c r="P343" s="1">
        <v>43326.64166666667</v>
      </c>
    </row>
    <row r="344" spans="1:16" x14ac:dyDescent="0.4">
      <c r="A344">
        <v>3888</v>
      </c>
      <c r="B344">
        <v>188970</v>
      </c>
      <c r="C344" s="1">
        <v>43327</v>
      </c>
      <c r="D344">
        <v>290</v>
      </c>
      <c r="E344">
        <v>1260</v>
      </c>
      <c r="F344" t="s">
        <v>22</v>
      </c>
      <c r="G344">
        <v>14</v>
      </c>
      <c r="H344">
        <v>500</v>
      </c>
      <c r="I344">
        <v>1</v>
      </c>
      <c r="J344">
        <v>0</v>
      </c>
      <c r="K344">
        <v>836435</v>
      </c>
      <c r="L344">
        <v>836436</v>
      </c>
      <c r="M344">
        <v>96</v>
      </c>
      <c r="N344" t="s">
        <v>7</v>
      </c>
      <c r="O344" s="1">
        <v>43327.492361111108</v>
      </c>
      <c r="P344" s="1">
        <v>43327.505555555559</v>
      </c>
    </row>
    <row r="345" spans="1:16" x14ac:dyDescent="0.4">
      <c r="A345">
        <v>3271</v>
      </c>
      <c r="B345">
        <v>147684</v>
      </c>
      <c r="C345" s="1">
        <v>42734</v>
      </c>
      <c r="D345">
        <v>96</v>
      </c>
      <c r="E345">
        <v>20</v>
      </c>
      <c r="F345" t="s">
        <v>63</v>
      </c>
      <c r="G345">
        <v>20</v>
      </c>
      <c r="H345">
        <v>420</v>
      </c>
      <c r="I345">
        <v>10</v>
      </c>
      <c r="J345">
        <v>5</v>
      </c>
      <c r="K345">
        <v>652753</v>
      </c>
      <c r="L345">
        <v>652754</v>
      </c>
      <c r="M345">
        <v>96</v>
      </c>
      <c r="N345" t="s">
        <v>7</v>
      </c>
      <c r="O345" s="1">
        <v>42734.680555555555</v>
      </c>
      <c r="P345" s="1">
        <v>42734.68472222222</v>
      </c>
    </row>
    <row r="346" spans="1:16" x14ac:dyDescent="0.4">
      <c r="A346">
        <v>3889</v>
      </c>
      <c r="B346">
        <v>189307</v>
      </c>
      <c r="C346" s="1">
        <v>43330</v>
      </c>
      <c r="D346">
        <v>154</v>
      </c>
      <c r="E346">
        <v>152</v>
      </c>
      <c r="F346" t="s">
        <v>130</v>
      </c>
      <c r="G346">
        <v>6</v>
      </c>
      <c r="H346">
        <v>450</v>
      </c>
      <c r="I346">
        <v>1</v>
      </c>
      <c r="J346">
        <v>0</v>
      </c>
      <c r="K346">
        <v>837822</v>
      </c>
      <c r="L346">
        <v>837823</v>
      </c>
      <c r="M346">
        <v>108</v>
      </c>
      <c r="N346" t="s">
        <v>40</v>
      </c>
      <c r="O346" s="1">
        <v>43331.10833333333</v>
      </c>
      <c r="P346" s="1">
        <v>43331.111805555556</v>
      </c>
    </row>
    <row r="347" spans="1:16" x14ac:dyDescent="0.4">
      <c r="A347">
        <v>3890</v>
      </c>
      <c r="B347">
        <v>189615</v>
      </c>
      <c r="C347" s="1">
        <v>43335</v>
      </c>
      <c r="D347">
        <v>158</v>
      </c>
      <c r="E347">
        <v>117</v>
      </c>
      <c r="F347" t="s">
        <v>20</v>
      </c>
      <c r="G347">
        <v>4</v>
      </c>
      <c r="H347">
        <v>500</v>
      </c>
      <c r="I347">
        <v>1</v>
      </c>
      <c r="J347">
        <v>0</v>
      </c>
      <c r="K347">
        <v>838978</v>
      </c>
      <c r="L347">
        <v>838979</v>
      </c>
      <c r="M347">
        <v>99</v>
      </c>
      <c r="N347" t="s">
        <v>43</v>
      </c>
      <c r="O347" s="1">
        <v>43336.129861111112</v>
      </c>
      <c r="P347" s="1">
        <v>43336.144444444442</v>
      </c>
    </row>
    <row r="348" spans="1:16" x14ac:dyDescent="0.4">
      <c r="A348">
        <v>3891</v>
      </c>
      <c r="B348">
        <v>189824</v>
      </c>
      <c r="C348" s="1">
        <v>43338</v>
      </c>
      <c r="D348">
        <v>280</v>
      </c>
      <c r="E348">
        <v>1266</v>
      </c>
      <c r="F348" t="s">
        <v>13</v>
      </c>
      <c r="G348">
        <v>15</v>
      </c>
      <c r="H348">
        <v>680</v>
      </c>
      <c r="I348">
        <v>1</v>
      </c>
      <c r="J348">
        <v>0</v>
      </c>
      <c r="K348">
        <v>839943</v>
      </c>
      <c r="L348">
        <v>839944</v>
      </c>
      <c r="M348">
        <v>92</v>
      </c>
      <c r="N348" t="s">
        <v>85</v>
      </c>
      <c r="O348" s="1">
        <v>43338.625</v>
      </c>
      <c r="P348" s="1">
        <v>43338.697916666664</v>
      </c>
    </row>
    <row r="349" spans="1:16" x14ac:dyDescent="0.4">
      <c r="A349">
        <v>3892</v>
      </c>
      <c r="B349">
        <v>189891</v>
      </c>
      <c r="C349" s="1">
        <v>43339</v>
      </c>
      <c r="D349">
        <v>290</v>
      </c>
      <c r="E349">
        <v>1260</v>
      </c>
      <c r="F349" t="s">
        <v>22</v>
      </c>
      <c r="G349">
        <v>2</v>
      </c>
      <c r="H349">
        <v>500</v>
      </c>
      <c r="I349">
        <v>1</v>
      </c>
      <c r="J349">
        <v>0</v>
      </c>
      <c r="K349">
        <v>840225</v>
      </c>
      <c r="L349">
        <v>840226</v>
      </c>
      <c r="M349">
        <v>96</v>
      </c>
      <c r="N349" t="s">
        <v>7</v>
      </c>
      <c r="O349" s="1">
        <v>43339.613888888889</v>
      </c>
      <c r="P349" s="1">
        <v>43339.627083333333</v>
      </c>
    </row>
    <row r="350" spans="1:16" x14ac:dyDescent="0.4">
      <c r="A350">
        <v>3893</v>
      </c>
      <c r="B350">
        <v>189981</v>
      </c>
      <c r="C350" s="1">
        <v>43340</v>
      </c>
      <c r="D350">
        <v>97</v>
      </c>
      <c r="E350">
        <v>21</v>
      </c>
      <c r="F350" t="s">
        <v>117</v>
      </c>
      <c r="G350">
        <v>4</v>
      </c>
      <c r="H350">
        <v>420</v>
      </c>
      <c r="I350">
        <v>1</v>
      </c>
      <c r="J350">
        <v>0</v>
      </c>
      <c r="K350">
        <v>840521</v>
      </c>
      <c r="L350">
        <v>840522</v>
      </c>
      <c r="M350">
        <v>29</v>
      </c>
      <c r="N350" t="s">
        <v>97</v>
      </c>
      <c r="O350" s="1">
        <v>43340.932638888888</v>
      </c>
      <c r="P350" s="1">
        <v>43340.949305555558</v>
      </c>
    </row>
    <row r="351" spans="1:16" x14ac:dyDescent="0.4">
      <c r="A351">
        <v>3894</v>
      </c>
      <c r="B351">
        <v>190036</v>
      </c>
      <c r="C351" s="1">
        <v>43341</v>
      </c>
      <c r="D351">
        <v>159</v>
      </c>
      <c r="E351">
        <v>118</v>
      </c>
      <c r="F351" t="s">
        <v>95</v>
      </c>
      <c r="G351">
        <v>6</v>
      </c>
      <c r="H351">
        <v>500</v>
      </c>
      <c r="I351">
        <v>1</v>
      </c>
      <c r="J351">
        <v>0</v>
      </c>
      <c r="K351">
        <v>840748</v>
      </c>
      <c r="L351">
        <v>840749</v>
      </c>
      <c r="M351">
        <v>106</v>
      </c>
      <c r="N351" t="s">
        <v>99</v>
      </c>
      <c r="O351" s="1">
        <v>43341.897222222222</v>
      </c>
      <c r="P351" s="1">
        <v>43341.897916666669</v>
      </c>
    </row>
    <row r="352" spans="1:16" x14ac:dyDescent="0.4">
      <c r="A352">
        <v>3896</v>
      </c>
      <c r="B352">
        <v>190152</v>
      </c>
      <c r="C352" s="1">
        <v>43343</v>
      </c>
      <c r="D352">
        <v>280</v>
      </c>
      <c r="E352">
        <v>1266</v>
      </c>
      <c r="F352" t="s">
        <v>13</v>
      </c>
      <c r="G352">
        <v>16</v>
      </c>
      <c r="H352">
        <v>680</v>
      </c>
      <c r="I352">
        <v>1</v>
      </c>
      <c r="J352">
        <v>0</v>
      </c>
      <c r="K352">
        <v>841190</v>
      </c>
      <c r="L352">
        <v>841191</v>
      </c>
      <c r="M352">
        <v>96</v>
      </c>
      <c r="N352" t="s">
        <v>7</v>
      </c>
      <c r="O352" s="1">
        <v>43343.620833333334</v>
      </c>
      <c r="P352" s="1">
        <v>43343.722916666666</v>
      </c>
    </row>
    <row r="353" spans="1:16" x14ac:dyDescent="0.4">
      <c r="A353">
        <v>3897</v>
      </c>
      <c r="B353">
        <v>190577</v>
      </c>
      <c r="C353" s="1">
        <v>43349</v>
      </c>
      <c r="D353">
        <v>158</v>
      </c>
      <c r="E353">
        <v>117</v>
      </c>
      <c r="F353" t="s">
        <v>20</v>
      </c>
      <c r="G353">
        <v>8</v>
      </c>
      <c r="H353">
        <v>500</v>
      </c>
      <c r="I353">
        <v>1</v>
      </c>
      <c r="J353">
        <v>0</v>
      </c>
      <c r="K353">
        <v>842890</v>
      </c>
      <c r="L353">
        <v>842891</v>
      </c>
      <c r="M353">
        <v>99</v>
      </c>
      <c r="N353" t="s">
        <v>43</v>
      </c>
      <c r="O353" s="1">
        <v>43350.128472222219</v>
      </c>
      <c r="P353" s="1">
        <v>43350.131944444445</v>
      </c>
    </row>
    <row r="354" spans="1:16" x14ac:dyDescent="0.4">
      <c r="A354">
        <v>3898</v>
      </c>
      <c r="B354">
        <v>190940</v>
      </c>
      <c r="C354" s="1">
        <v>43355</v>
      </c>
      <c r="D354">
        <v>290</v>
      </c>
      <c r="E354">
        <v>1260</v>
      </c>
      <c r="F354" t="s">
        <v>22</v>
      </c>
      <c r="G354">
        <v>9</v>
      </c>
      <c r="H354">
        <v>500</v>
      </c>
      <c r="I354">
        <v>1</v>
      </c>
      <c r="J354">
        <v>0</v>
      </c>
      <c r="K354">
        <v>844311</v>
      </c>
      <c r="L354">
        <v>844312</v>
      </c>
      <c r="M354">
        <v>30</v>
      </c>
      <c r="O354" s="1">
        <v>43355.757638888892</v>
      </c>
      <c r="P354" s="1">
        <v>43355.759027777778</v>
      </c>
    </row>
    <row r="355" spans="1:16" x14ac:dyDescent="0.4">
      <c r="A355">
        <v>3899</v>
      </c>
      <c r="B355">
        <v>191151</v>
      </c>
      <c r="C355" s="1">
        <v>43358</v>
      </c>
      <c r="D355">
        <v>205</v>
      </c>
      <c r="E355">
        <v>400</v>
      </c>
      <c r="F355" t="s">
        <v>125</v>
      </c>
      <c r="G355">
        <v>15</v>
      </c>
      <c r="H355">
        <v>320</v>
      </c>
      <c r="I355">
        <v>3</v>
      </c>
      <c r="J355">
        <v>0</v>
      </c>
      <c r="K355">
        <v>845184</v>
      </c>
      <c r="L355">
        <v>845185</v>
      </c>
      <c r="M355">
        <v>108</v>
      </c>
      <c r="N355" t="s">
        <v>40</v>
      </c>
      <c r="O355" s="1">
        <v>43358.826388888891</v>
      </c>
      <c r="P355" s="1">
        <v>43358.854166666664</v>
      </c>
    </row>
    <row r="356" spans="1:16" x14ac:dyDescent="0.4">
      <c r="A356">
        <v>3900</v>
      </c>
      <c r="B356">
        <v>191151</v>
      </c>
      <c r="C356" s="1">
        <v>43358</v>
      </c>
      <c r="D356">
        <v>263</v>
      </c>
      <c r="E356">
        <v>430</v>
      </c>
      <c r="F356" t="s">
        <v>133</v>
      </c>
      <c r="G356">
        <v>15</v>
      </c>
      <c r="H356">
        <v>320</v>
      </c>
      <c r="I356">
        <v>1</v>
      </c>
      <c r="J356">
        <v>0</v>
      </c>
      <c r="K356">
        <v>845186</v>
      </c>
      <c r="L356">
        <v>845187</v>
      </c>
      <c r="M356">
        <v>108</v>
      </c>
      <c r="N356" t="s">
        <v>40</v>
      </c>
      <c r="O356" s="1">
        <v>43358.826388888891</v>
      </c>
      <c r="P356" s="1">
        <v>43358.854166666664</v>
      </c>
    </row>
    <row r="357" spans="1:16" x14ac:dyDescent="0.4">
      <c r="A357">
        <v>3903</v>
      </c>
      <c r="B357">
        <v>191345</v>
      </c>
      <c r="C357" s="1">
        <v>43360</v>
      </c>
      <c r="D357">
        <v>94</v>
      </c>
      <c r="E357">
        <v>75</v>
      </c>
      <c r="F357" t="s">
        <v>57</v>
      </c>
      <c r="G357">
        <v>4</v>
      </c>
      <c r="H357">
        <v>480</v>
      </c>
      <c r="I357">
        <v>1</v>
      </c>
      <c r="J357">
        <v>0</v>
      </c>
      <c r="K357">
        <v>845989</v>
      </c>
      <c r="L357">
        <v>845990</v>
      </c>
      <c r="M357">
        <v>30</v>
      </c>
      <c r="O357" s="1">
        <v>43360.854166666664</v>
      </c>
      <c r="P357" s="1">
        <v>43360.854166666664</v>
      </c>
    </row>
    <row r="358" spans="1:16" x14ac:dyDescent="0.4">
      <c r="A358">
        <v>3904</v>
      </c>
      <c r="B358">
        <v>191353</v>
      </c>
      <c r="C358" s="1">
        <v>43360</v>
      </c>
      <c r="D358">
        <v>168</v>
      </c>
      <c r="E358">
        <v>103</v>
      </c>
      <c r="F358" t="s">
        <v>38</v>
      </c>
      <c r="G358">
        <v>17</v>
      </c>
      <c r="H358">
        <v>550</v>
      </c>
      <c r="I358">
        <v>1</v>
      </c>
      <c r="J358">
        <v>0</v>
      </c>
      <c r="K358">
        <v>846048</v>
      </c>
      <c r="L358">
        <v>846049</v>
      </c>
      <c r="M358">
        <v>29</v>
      </c>
      <c r="N358" t="s">
        <v>97</v>
      </c>
      <c r="O358" s="1">
        <v>43361.113888888889</v>
      </c>
      <c r="P358" s="1">
        <v>43361.118750000001</v>
      </c>
    </row>
    <row r="359" spans="1:16" x14ac:dyDescent="0.4">
      <c r="A359">
        <v>3905</v>
      </c>
      <c r="B359">
        <v>191487</v>
      </c>
      <c r="C359" s="1">
        <v>43363</v>
      </c>
      <c r="D359">
        <v>290</v>
      </c>
      <c r="E359">
        <v>1260</v>
      </c>
      <c r="F359" t="s">
        <v>22</v>
      </c>
      <c r="G359">
        <v>14</v>
      </c>
      <c r="H359">
        <v>500</v>
      </c>
      <c r="I359">
        <v>1</v>
      </c>
      <c r="J359">
        <v>0</v>
      </c>
      <c r="K359">
        <v>846561</v>
      </c>
      <c r="L359">
        <v>846562</v>
      </c>
      <c r="M359">
        <v>100</v>
      </c>
      <c r="N359" t="s">
        <v>1</v>
      </c>
      <c r="O359" s="1">
        <v>43363.896527777775</v>
      </c>
      <c r="P359" s="1">
        <v>43363.901388888888</v>
      </c>
    </row>
    <row r="360" spans="1:16" x14ac:dyDescent="0.4">
      <c r="A360">
        <v>3906</v>
      </c>
      <c r="B360">
        <v>191732</v>
      </c>
      <c r="C360" s="1">
        <v>43366</v>
      </c>
      <c r="D360">
        <v>125</v>
      </c>
      <c r="E360">
        <v>126</v>
      </c>
      <c r="F360" t="s">
        <v>8</v>
      </c>
      <c r="G360">
        <v>8</v>
      </c>
      <c r="H360">
        <v>380</v>
      </c>
      <c r="I360">
        <v>1</v>
      </c>
      <c r="J360">
        <v>0</v>
      </c>
      <c r="K360">
        <v>847627</v>
      </c>
      <c r="L360">
        <v>847628</v>
      </c>
      <c r="M360">
        <v>99</v>
      </c>
      <c r="N360" t="s">
        <v>43</v>
      </c>
      <c r="O360" s="1">
        <v>43366.806250000001</v>
      </c>
      <c r="P360" s="1">
        <v>43366.807638888888</v>
      </c>
    </row>
    <row r="361" spans="1:16" x14ac:dyDescent="0.4">
      <c r="A361">
        <v>3907</v>
      </c>
      <c r="B361">
        <v>191738</v>
      </c>
      <c r="C361" s="1">
        <v>43366</v>
      </c>
      <c r="D361">
        <v>88</v>
      </c>
      <c r="E361">
        <v>69</v>
      </c>
      <c r="F361" t="s">
        <v>55</v>
      </c>
      <c r="G361">
        <v>6</v>
      </c>
      <c r="H361">
        <v>400</v>
      </c>
      <c r="I361">
        <v>1</v>
      </c>
      <c r="J361">
        <v>0</v>
      </c>
      <c r="K361">
        <v>847677</v>
      </c>
      <c r="L361">
        <v>847678</v>
      </c>
      <c r="M361">
        <v>100</v>
      </c>
      <c r="N361" t="s">
        <v>1</v>
      </c>
      <c r="O361" s="1">
        <v>43366.960416666669</v>
      </c>
      <c r="P361" s="1">
        <v>43366.960416666669</v>
      </c>
    </row>
    <row r="362" spans="1:16" x14ac:dyDescent="0.4">
      <c r="A362">
        <v>3908</v>
      </c>
      <c r="B362">
        <v>192014</v>
      </c>
      <c r="C362" s="1">
        <v>43371</v>
      </c>
      <c r="D362">
        <v>154</v>
      </c>
      <c r="E362">
        <v>152</v>
      </c>
      <c r="F362" t="s">
        <v>130</v>
      </c>
      <c r="G362">
        <v>5</v>
      </c>
      <c r="H362">
        <v>450</v>
      </c>
      <c r="I362">
        <v>1</v>
      </c>
      <c r="J362">
        <v>0</v>
      </c>
      <c r="K362">
        <v>848684</v>
      </c>
      <c r="L362">
        <v>848685</v>
      </c>
      <c r="M362">
        <v>108</v>
      </c>
      <c r="N362" t="s">
        <v>40</v>
      </c>
      <c r="O362" s="1">
        <v>43371.890972222223</v>
      </c>
      <c r="P362" s="1">
        <v>43371.893055555556</v>
      </c>
    </row>
    <row r="363" spans="1:16" x14ac:dyDescent="0.4">
      <c r="A363">
        <v>3909</v>
      </c>
      <c r="B363">
        <v>192032</v>
      </c>
      <c r="C363" s="1">
        <v>43371</v>
      </c>
      <c r="D363">
        <v>84</v>
      </c>
      <c r="E363">
        <v>65</v>
      </c>
      <c r="F363" t="s">
        <v>71</v>
      </c>
      <c r="G363">
        <v>13</v>
      </c>
      <c r="H363">
        <v>0</v>
      </c>
      <c r="I363">
        <v>1</v>
      </c>
      <c r="J363">
        <v>0</v>
      </c>
      <c r="K363">
        <v>848788</v>
      </c>
      <c r="L363">
        <v>848789</v>
      </c>
      <c r="M363">
        <v>108</v>
      </c>
      <c r="N363" t="s">
        <v>40</v>
      </c>
      <c r="O363" s="1">
        <v>43371.970833333333</v>
      </c>
      <c r="P363" s="1">
        <v>43371.97152777778</v>
      </c>
    </row>
    <row r="364" spans="1:16" x14ac:dyDescent="0.4">
      <c r="A364">
        <v>3910</v>
      </c>
      <c r="B364">
        <v>192077</v>
      </c>
      <c r="C364" s="1">
        <v>43372</v>
      </c>
      <c r="D364">
        <v>290</v>
      </c>
      <c r="E364">
        <v>1260</v>
      </c>
      <c r="F364" t="s">
        <v>22</v>
      </c>
      <c r="G364">
        <v>4</v>
      </c>
      <c r="H364">
        <v>500</v>
      </c>
      <c r="I364">
        <v>1</v>
      </c>
      <c r="J364">
        <v>0</v>
      </c>
      <c r="K364">
        <v>849044</v>
      </c>
      <c r="L364">
        <v>849045</v>
      </c>
      <c r="M364">
        <v>90</v>
      </c>
      <c r="N364" t="s">
        <v>84</v>
      </c>
      <c r="O364" s="1">
        <v>43372.553472222222</v>
      </c>
      <c r="P364" s="1">
        <v>43372.568749999999</v>
      </c>
    </row>
    <row r="365" spans="1:16" x14ac:dyDescent="0.4">
      <c r="A365">
        <v>3911</v>
      </c>
      <c r="B365">
        <v>192127</v>
      </c>
      <c r="C365" s="1">
        <v>43372</v>
      </c>
      <c r="D365">
        <v>280</v>
      </c>
      <c r="E365">
        <v>1266</v>
      </c>
      <c r="F365" t="s">
        <v>13</v>
      </c>
      <c r="G365">
        <v>18</v>
      </c>
      <c r="H365">
        <v>680</v>
      </c>
      <c r="I365">
        <v>1</v>
      </c>
      <c r="J365">
        <v>0</v>
      </c>
      <c r="K365">
        <v>849235</v>
      </c>
      <c r="L365">
        <v>849236</v>
      </c>
      <c r="M365">
        <v>99</v>
      </c>
      <c r="N365" t="s">
        <v>43</v>
      </c>
      <c r="O365" s="1">
        <v>43372.931944444441</v>
      </c>
      <c r="P365" s="1">
        <v>43372.931944444441</v>
      </c>
    </row>
    <row r="366" spans="1:16" x14ac:dyDescent="0.4">
      <c r="A366">
        <v>3912</v>
      </c>
      <c r="B366">
        <v>192133</v>
      </c>
      <c r="C366" s="1">
        <v>43372</v>
      </c>
      <c r="D366">
        <v>165</v>
      </c>
      <c r="E366">
        <v>323</v>
      </c>
      <c r="F366" t="s">
        <v>28</v>
      </c>
      <c r="G366">
        <v>9</v>
      </c>
      <c r="H366">
        <v>450</v>
      </c>
      <c r="I366">
        <v>1</v>
      </c>
      <c r="J366">
        <v>0</v>
      </c>
      <c r="K366">
        <v>849265</v>
      </c>
      <c r="L366">
        <v>849266</v>
      </c>
      <c r="M366">
        <v>108</v>
      </c>
      <c r="N366" t="s">
        <v>40</v>
      </c>
      <c r="O366" s="1">
        <v>43372.957638888889</v>
      </c>
      <c r="P366" s="1">
        <v>43372.957638888889</v>
      </c>
    </row>
    <row r="367" spans="1:16" x14ac:dyDescent="0.4">
      <c r="A367">
        <v>3913</v>
      </c>
      <c r="B367">
        <v>192228</v>
      </c>
      <c r="C367" s="1">
        <v>43374</v>
      </c>
      <c r="D367">
        <v>290</v>
      </c>
      <c r="E367">
        <v>1260</v>
      </c>
      <c r="F367" t="s">
        <v>22</v>
      </c>
      <c r="G367">
        <v>17</v>
      </c>
      <c r="H367">
        <v>500</v>
      </c>
      <c r="I367">
        <v>1</v>
      </c>
      <c r="J367">
        <v>0</v>
      </c>
      <c r="K367">
        <v>849714</v>
      </c>
      <c r="L367">
        <v>849715</v>
      </c>
      <c r="M367">
        <v>100</v>
      </c>
      <c r="N367" t="s">
        <v>1</v>
      </c>
      <c r="O367" s="1">
        <v>43374.754166666666</v>
      </c>
      <c r="P367" s="1">
        <v>43374.777083333334</v>
      </c>
    </row>
    <row r="368" spans="1:16" x14ac:dyDescent="0.4">
      <c r="A368">
        <v>3914</v>
      </c>
      <c r="B368">
        <v>192294</v>
      </c>
      <c r="C368" s="1">
        <v>43375</v>
      </c>
      <c r="D368">
        <v>93</v>
      </c>
      <c r="E368">
        <v>74</v>
      </c>
      <c r="F368" t="s">
        <v>134</v>
      </c>
      <c r="G368">
        <v>4</v>
      </c>
      <c r="H368">
        <v>480</v>
      </c>
      <c r="I368">
        <v>1</v>
      </c>
      <c r="J368">
        <v>0</v>
      </c>
      <c r="K368">
        <v>849927</v>
      </c>
      <c r="L368">
        <v>849928</v>
      </c>
      <c r="M368">
        <v>43</v>
      </c>
      <c r="O368" s="1">
        <v>43375.838888888888</v>
      </c>
      <c r="P368" s="1">
        <v>43375.869444444441</v>
      </c>
    </row>
    <row r="369" spans="1:16" x14ac:dyDescent="0.4">
      <c r="A369">
        <v>3915</v>
      </c>
      <c r="B369">
        <v>192294</v>
      </c>
      <c r="C369" s="1">
        <v>43375</v>
      </c>
      <c r="D369">
        <v>66</v>
      </c>
      <c r="E369">
        <v>39</v>
      </c>
      <c r="F369" t="s">
        <v>135</v>
      </c>
      <c r="G369">
        <v>4</v>
      </c>
      <c r="H369">
        <v>320</v>
      </c>
      <c r="I369">
        <v>1</v>
      </c>
      <c r="J369">
        <v>0</v>
      </c>
      <c r="K369">
        <v>849929</v>
      </c>
      <c r="L369">
        <v>849930</v>
      </c>
      <c r="M369">
        <v>43</v>
      </c>
      <c r="O369" s="1">
        <v>43375.864583333336</v>
      </c>
      <c r="P369" s="1">
        <v>43375.869444444441</v>
      </c>
    </row>
    <row r="370" spans="1:16" x14ac:dyDescent="0.4">
      <c r="A370">
        <v>3916</v>
      </c>
      <c r="B370">
        <v>192294</v>
      </c>
      <c r="C370" s="1">
        <v>43375</v>
      </c>
      <c r="D370">
        <v>186</v>
      </c>
      <c r="E370">
        <v>225</v>
      </c>
      <c r="F370" t="s">
        <v>34</v>
      </c>
      <c r="G370">
        <v>4</v>
      </c>
      <c r="H370">
        <v>350</v>
      </c>
      <c r="I370">
        <v>1</v>
      </c>
      <c r="J370">
        <v>0</v>
      </c>
      <c r="K370">
        <v>849931</v>
      </c>
      <c r="L370">
        <v>849932</v>
      </c>
      <c r="M370">
        <v>43</v>
      </c>
      <c r="O370" s="1">
        <v>43375.864583333336</v>
      </c>
      <c r="P370" s="1">
        <v>43375.869444444441</v>
      </c>
    </row>
    <row r="371" spans="1:16" x14ac:dyDescent="0.4">
      <c r="A371">
        <v>3917</v>
      </c>
      <c r="B371">
        <v>192340</v>
      </c>
      <c r="C371" s="1">
        <v>43376</v>
      </c>
      <c r="D371">
        <v>65</v>
      </c>
      <c r="E371">
        <v>38</v>
      </c>
      <c r="F371" t="s">
        <v>80</v>
      </c>
      <c r="G371">
        <v>17</v>
      </c>
      <c r="H371">
        <v>320</v>
      </c>
      <c r="I371">
        <v>1</v>
      </c>
      <c r="J371">
        <v>0</v>
      </c>
      <c r="K371">
        <v>850091</v>
      </c>
      <c r="L371">
        <v>850092</v>
      </c>
      <c r="M371">
        <v>108</v>
      </c>
      <c r="N371" t="s">
        <v>40</v>
      </c>
      <c r="O371" s="1">
        <v>43376.89166666667</v>
      </c>
      <c r="P371" s="1">
        <v>43376.892361111109</v>
      </c>
    </row>
    <row r="372" spans="1:16" x14ac:dyDescent="0.4">
      <c r="A372">
        <v>3918</v>
      </c>
      <c r="B372">
        <v>192809</v>
      </c>
      <c r="C372" s="1">
        <v>43383</v>
      </c>
      <c r="D372">
        <v>156</v>
      </c>
      <c r="E372">
        <v>154</v>
      </c>
      <c r="F372" t="s">
        <v>136</v>
      </c>
      <c r="G372">
        <v>4</v>
      </c>
      <c r="H372">
        <v>280</v>
      </c>
      <c r="I372">
        <v>1</v>
      </c>
      <c r="J372">
        <v>0</v>
      </c>
      <c r="K372">
        <v>852051</v>
      </c>
      <c r="L372">
        <v>852052</v>
      </c>
      <c r="M372">
        <v>100</v>
      </c>
      <c r="N372" t="s">
        <v>1</v>
      </c>
      <c r="O372" s="1">
        <v>43384.086111111108</v>
      </c>
      <c r="P372" s="1">
        <v>43384.09652777778</v>
      </c>
    </row>
    <row r="373" spans="1:16" x14ac:dyDescent="0.4">
      <c r="A373">
        <v>3919</v>
      </c>
      <c r="B373">
        <v>192919</v>
      </c>
      <c r="C373" s="1">
        <v>43385</v>
      </c>
      <c r="D373">
        <v>166</v>
      </c>
      <c r="E373">
        <v>322</v>
      </c>
      <c r="F373" t="s">
        <v>51</v>
      </c>
      <c r="G373">
        <v>8</v>
      </c>
      <c r="H373">
        <v>550</v>
      </c>
      <c r="I373">
        <v>1</v>
      </c>
      <c r="J373">
        <v>0</v>
      </c>
      <c r="K373">
        <v>852587</v>
      </c>
      <c r="L373">
        <v>852588</v>
      </c>
      <c r="M373">
        <v>29</v>
      </c>
      <c r="N373" t="s">
        <v>97</v>
      </c>
      <c r="O373" s="1">
        <v>43386.143750000003</v>
      </c>
      <c r="P373" s="1">
        <v>43386.143750000003</v>
      </c>
    </row>
    <row r="374" spans="1:16" x14ac:dyDescent="0.4">
      <c r="A374">
        <v>3920</v>
      </c>
      <c r="B374">
        <v>193005</v>
      </c>
      <c r="C374" s="1">
        <v>43386</v>
      </c>
      <c r="D374">
        <v>97</v>
      </c>
      <c r="E374">
        <v>21</v>
      </c>
      <c r="F374" t="s">
        <v>117</v>
      </c>
      <c r="G374">
        <v>1</v>
      </c>
      <c r="H374">
        <v>420</v>
      </c>
      <c r="I374">
        <v>3</v>
      </c>
      <c r="J374">
        <v>1</v>
      </c>
      <c r="K374">
        <v>852986</v>
      </c>
      <c r="L374">
        <v>852987</v>
      </c>
      <c r="M374">
        <v>108</v>
      </c>
      <c r="N374" t="s">
        <v>40</v>
      </c>
      <c r="O374" s="1">
        <v>43387.06527777778</v>
      </c>
      <c r="P374" s="1">
        <v>43387.066666666666</v>
      </c>
    </row>
    <row r="375" spans="1:16" x14ac:dyDescent="0.4">
      <c r="A375">
        <v>3921</v>
      </c>
      <c r="B375">
        <v>193005</v>
      </c>
      <c r="C375" s="1">
        <v>43386</v>
      </c>
      <c r="D375">
        <v>213</v>
      </c>
      <c r="E375">
        <v>211</v>
      </c>
      <c r="F375" t="s">
        <v>46</v>
      </c>
      <c r="G375">
        <v>1</v>
      </c>
      <c r="H375">
        <v>0</v>
      </c>
      <c r="I375">
        <v>4</v>
      </c>
      <c r="J375">
        <v>2</v>
      </c>
      <c r="K375">
        <v>853001</v>
      </c>
      <c r="L375">
        <v>853002</v>
      </c>
      <c r="M375">
        <v>108</v>
      </c>
      <c r="N375" t="s">
        <v>40</v>
      </c>
      <c r="O375" s="1">
        <v>43387.091666666667</v>
      </c>
      <c r="P375" s="1">
        <v>43387.091666666667</v>
      </c>
    </row>
    <row r="376" spans="1:16" x14ac:dyDescent="0.4">
      <c r="A376">
        <v>3922</v>
      </c>
      <c r="B376">
        <v>193088</v>
      </c>
      <c r="C376" s="1">
        <v>43387</v>
      </c>
      <c r="D376">
        <v>97</v>
      </c>
      <c r="E376">
        <v>21</v>
      </c>
      <c r="F376" t="s">
        <v>117</v>
      </c>
      <c r="G376">
        <v>15</v>
      </c>
      <c r="H376">
        <v>420</v>
      </c>
      <c r="I376">
        <v>1</v>
      </c>
      <c r="J376">
        <v>0</v>
      </c>
      <c r="K376">
        <v>853260</v>
      </c>
      <c r="L376">
        <v>853261</v>
      </c>
      <c r="M376">
        <v>102</v>
      </c>
      <c r="N376" t="s">
        <v>27</v>
      </c>
      <c r="O376" s="1">
        <v>43387.727083333331</v>
      </c>
      <c r="P376" s="1">
        <v>43387.842361111114</v>
      </c>
    </row>
    <row r="377" spans="1:16" x14ac:dyDescent="0.4">
      <c r="A377">
        <v>3923</v>
      </c>
      <c r="B377">
        <v>193088</v>
      </c>
      <c r="C377" s="1">
        <v>43387</v>
      </c>
      <c r="D377">
        <v>97</v>
      </c>
      <c r="E377">
        <v>21</v>
      </c>
      <c r="F377" t="s">
        <v>117</v>
      </c>
      <c r="G377">
        <v>15</v>
      </c>
      <c r="H377">
        <v>420</v>
      </c>
      <c r="I377">
        <v>1</v>
      </c>
      <c r="J377">
        <v>0</v>
      </c>
      <c r="K377">
        <v>853262</v>
      </c>
      <c r="L377">
        <v>853263</v>
      </c>
      <c r="M377">
        <v>102</v>
      </c>
      <c r="N377" t="s">
        <v>27</v>
      </c>
      <c r="O377" s="1">
        <v>43387.811805555553</v>
      </c>
      <c r="P377" s="1">
        <v>43387.842361111114</v>
      </c>
    </row>
    <row r="378" spans="1:16" x14ac:dyDescent="0.4">
      <c r="A378">
        <v>3924</v>
      </c>
      <c r="B378">
        <v>193188</v>
      </c>
      <c r="C378" s="1">
        <v>43389</v>
      </c>
      <c r="D378">
        <v>75</v>
      </c>
      <c r="E378">
        <v>56</v>
      </c>
      <c r="F378" t="s">
        <v>49</v>
      </c>
      <c r="G378">
        <v>5</v>
      </c>
      <c r="H378">
        <v>400</v>
      </c>
      <c r="I378">
        <v>1</v>
      </c>
      <c r="J378">
        <v>0</v>
      </c>
      <c r="K378">
        <v>853600</v>
      </c>
      <c r="L378">
        <v>853601</v>
      </c>
      <c r="M378">
        <v>30</v>
      </c>
      <c r="O378" s="1">
        <v>43389.856944444444</v>
      </c>
      <c r="P378" s="1">
        <v>43389.890972222223</v>
      </c>
    </row>
    <row r="379" spans="1:16" x14ac:dyDescent="0.4">
      <c r="A379">
        <v>3925</v>
      </c>
      <c r="B379">
        <v>193188</v>
      </c>
      <c r="C379" s="1">
        <v>43389</v>
      </c>
      <c r="D379">
        <v>67</v>
      </c>
      <c r="E379">
        <v>40</v>
      </c>
      <c r="F379" t="s">
        <v>137</v>
      </c>
      <c r="G379">
        <v>5</v>
      </c>
      <c r="H379">
        <v>320</v>
      </c>
      <c r="I379">
        <v>1</v>
      </c>
      <c r="J379">
        <v>0</v>
      </c>
      <c r="K379">
        <v>853602</v>
      </c>
      <c r="L379">
        <v>853603</v>
      </c>
      <c r="M379">
        <v>30</v>
      </c>
      <c r="O379" s="1">
        <v>43389.856944444444</v>
      </c>
      <c r="P379" s="1">
        <v>43389.890972222223</v>
      </c>
    </row>
    <row r="380" spans="1:16" x14ac:dyDescent="0.4">
      <c r="A380">
        <v>3926</v>
      </c>
      <c r="B380">
        <v>193188</v>
      </c>
      <c r="C380" s="1">
        <v>43389</v>
      </c>
      <c r="D380">
        <v>77</v>
      </c>
      <c r="E380">
        <v>58</v>
      </c>
      <c r="F380" t="s">
        <v>112</v>
      </c>
      <c r="G380">
        <v>5</v>
      </c>
      <c r="H380">
        <v>400</v>
      </c>
      <c r="I380">
        <v>1</v>
      </c>
      <c r="J380">
        <v>0</v>
      </c>
      <c r="K380">
        <v>853604</v>
      </c>
      <c r="L380">
        <v>853605</v>
      </c>
      <c r="M380">
        <v>30</v>
      </c>
      <c r="O380" s="1">
        <v>43389.878472222219</v>
      </c>
      <c r="P380" s="1">
        <v>43389.890972222223</v>
      </c>
    </row>
    <row r="381" spans="1:16" x14ac:dyDescent="0.4">
      <c r="A381">
        <v>3927</v>
      </c>
      <c r="B381">
        <v>193188</v>
      </c>
      <c r="C381" s="1">
        <v>43389</v>
      </c>
      <c r="D381">
        <v>67</v>
      </c>
      <c r="E381">
        <v>40</v>
      </c>
      <c r="F381" t="s">
        <v>137</v>
      </c>
      <c r="G381">
        <v>5</v>
      </c>
      <c r="H381">
        <v>320</v>
      </c>
      <c r="I381">
        <v>1</v>
      </c>
      <c r="J381">
        <v>0</v>
      </c>
      <c r="K381">
        <v>853606</v>
      </c>
      <c r="L381">
        <v>853607</v>
      </c>
      <c r="M381">
        <v>30</v>
      </c>
      <c r="O381" s="1">
        <v>43389.878472222219</v>
      </c>
      <c r="P381" s="1">
        <v>43389.890972222223</v>
      </c>
    </row>
    <row r="382" spans="1:16" x14ac:dyDescent="0.4">
      <c r="A382">
        <v>3928</v>
      </c>
      <c r="B382">
        <v>193201</v>
      </c>
      <c r="C382" s="1">
        <v>43389</v>
      </c>
      <c r="D382">
        <v>162</v>
      </c>
      <c r="E382">
        <v>116</v>
      </c>
      <c r="F382" t="s">
        <v>81</v>
      </c>
      <c r="G382">
        <v>5</v>
      </c>
      <c r="H382">
        <v>550</v>
      </c>
      <c r="I382">
        <v>1</v>
      </c>
      <c r="J382">
        <v>0</v>
      </c>
      <c r="K382">
        <v>853657</v>
      </c>
      <c r="L382">
        <v>853658</v>
      </c>
      <c r="M382">
        <v>30</v>
      </c>
      <c r="O382" s="1">
        <v>43390.009027777778</v>
      </c>
      <c r="P382" s="1">
        <v>43390.009722222225</v>
      </c>
    </row>
    <row r="383" spans="1:16" x14ac:dyDescent="0.4">
      <c r="A383">
        <v>3929</v>
      </c>
      <c r="B383">
        <v>193243</v>
      </c>
      <c r="C383" s="1">
        <v>43390</v>
      </c>
      <c r="D383">
        <v>73</v>
      </c>
      <c r="E383">
        <v>54</v>
      </c>
      <c r="F383" t="s">
        <v>36</v>
      </c>
      <c r="G383">
        <v>9</v>
      </c>
      <c r="H383">
        <v>0</v>
      </c>
      <c r="I383">
        <v>2</v>
      </c>
      <c r="J383">
        <v>0</v>
      </c>
      <c r="K383">
        <v>853820</v>
      </c>
      <c r="L383">
        <v>853821</v>
      </c>
      <c r="M383">
        <v>102</v>
      </c>
      <c r="N383" t="s">
        <v>27</v>
      </c>
      <c r="O383" s="1">
        <v>43390.865972222222</v>
      </c>
      <c r="P383" s="1">
        <v>43390.867361111108</v>
      </c>
    </row>
    <row r="384" spans="1:16" x14ac:dyDescent="0.4">
      <c r="A384">
        <v>3930</v>
      </c>
      <c r="B384">
        <v>193243</v>
      </c>
      <c r="C384" s="1">
        <v>43390</v>
      </c>
      <c r="D384">
        <v>65</v>
      </c>
      <c r="E384">
        <v>38</v>
      </c>
      <c r="F384" t="s">
        <v>80</v>
      </c>
      <c r="G384">
        <v>9</v>
      </c>
      <c r="H384">
        <v>0</v>
      </c>
      <c r="I384">
        <v>2</v>
      </c>
      <c r="J384">
        <v>0</v>
      </c>
      <c r="K384">
        <v>853822</v>
      </c>
      <c r="L384">
        <v>853823</v>
      </c>
      <c r="M384">
        <v>102</v>
      </c>
      <c r="N384" t="s">
        <v>27</v>
      </c>
      <c r="O384" s="1">
        <v>43390.865972222222</v>
      </c>
      <c r="P384" s="1">
        <v>43390.867361111108</v>
      </c>
    </row>
    <row r="385" spans="1:16" x14ac:dyDescent="0.4">
      <c r="A385">
        <v>3931</v>
      </c>
      <c r="B385">
        <v>193389</v>
      </c>
      <c r="C385" s="1">
        <v>43392</v>
      </c>
      <c r="D385">
        <v>97</v>
      </c>
      <c r="E385">
        <v>21</v>
      </c>
      <c r="F385" t="s">
        <v>117</v>
      </c>
      <c r="G385">
        <v>3</v>
      </c>
      <c r="H385">
        <v>420</v>
      </c>
      <c r="I385">
        <v>1</v>
      </c>
      <c r="J385">
        <v>0</v>
      </c>
      <c r="K385">
        <v>854477</v>
      </c>
      <c r="L385">
        <v>854478</v>
      </c>
      <c r="M385">
        <v>108</v>
      </c>
      <c r="N385" t="s">
        <v>40</v>
      </c>
      <c r="O385" s="1">
        <v>43393.114583333336</v>
      </c>
      <c r="P385" s="1">
        <v>43393.114583333336</v>
      </c>
    </row>
    <row r="386" spans="1:16" x14ac:dyDescent="0.4">
      <c r="A386">
        <v>3932</v>
      </c>
      <c r="B386">
        <v>193503</v>
      </c>
      <c r="C386" s="1">
        <v>43394</v>
      </c>
      <c r="D386">
        <v>9</v>
      </c>
      <c r="E386">
        <v>101</v>
      </c>
      <c r="F386" t="s">
        <v>54</v>
      </c>
      <c r="G386">
        <v>1</v>
      </c>
      <c r="H386">
        <v>420</v>
      </c>
      <c r="I386">
        <v>2</v>
      </c>
      <c r="J386">
        <v>0</v>
      </c>
      <c r="K386">
        <v>854935</v>
      </c>
      <c r="L386">
        <v>854936</v>
      </c>
      <c r="M386">
        <v>35</v>
      </c>
      <c r="O386" s="1">
        <v>43394.451388888891</v>
      </c>
      <c r="P386" s="1">
        <v>43394.452777777777</v>
      </c>
    </row>
    <row r="387" spans="1:16" x14ac:dyDescent="0.4">
      <c r="A387">
        <v>3933</v>
      </c>
      <c r="B387">
        <v>194014</v>
      </c>
      <c r="C387" s="1">
        <v>43402</v>
      </c>
      <c r="D387">
        <v>99</v>
      </c>
      <c r="E387">
        <v>23</v>
      </c>
      <c r="F387" t="s">
        <v>103</v>
      </c>
      <c r="G387">
        <v>8</v>
      </c>
      <c r="H387">
        <v>480</v>
      </c>
      <c r="I387">
        <v>3</v>
      </c>
      <c r="J387">
        <v>0</v>
      </c>
      <c r="K387">
        <v>856899</v>
      </c>
      <c r="L387">
        <v>856900</v>
      </c>
      <c r="M387">
        <v>96</v>
      </c>
      <c r="N387" t="s">
        <v>7</v>
      </c>
      <c r="O387" s="1">
        <v>43402.695833333331</v>
      </c>
      <c r="P387" s="1">
        <v>43402.697916666664</v>
      </c>
    </row>
    <row r="388" spans="1:16" x14ac:dyDescent="0.4">
      <c r="A388">
        <v>3934</v>
      </c>
      <c r="B388">
        <v>194349</v>
      </c>
      <c r="C388" s="1">
        <v>43408</v>
      </c>
      <c r="D388">
        <v>280</v>
      </c>
      <c r="E388">
        <v>1266</v>
      </c>
      <c r="F388" t="s">
        <v>13</v>
      </c>
      <c r="G388">
        <v>15</v>
      </c>
      <c r="H388">
        <v>680</v>
      </c>
      <c r="I388">
        <v>1</v>
      </c>
      <c r="J388">
        <v>0</v>
      </c>
      <c r="K388">
        <v>858267</v>
      </c>
      <c r="L388">
        <v>858268</v>
      </c>
      <c r="M388">
        <v>74</v>
      </c>
      <c r="O388" s="1">
        <v>43408.449305555558</v>
      </c>
      <c r="P388" s="1">
        <v>43408.45416666667</v>
      </c>
    </row>
    <row r="389" spans="1:16" x14ac:dyDescent="0.4">
      <c r="A389">
        <v>3935</v>
      </c>
      <c r="B389">
        <v>194754</v>
      </c>
      <c r="C389" s="1">
        <v>43414</v>
      </c>
      <c r="D389">
        <v>158</v>
      </c>
      <c r="E389">
        <v>117</v>
      </c>
      <c r="F389" t="s">
        <v>20</v>
      </c>
      <c r="G389">
        <v>13</v>
      </c>
      <c r="H389">
        <v>500</v>
      </c>
      <c r="I389">
        <v>1</v>
      </c>
      <c r="J389">
        <v>0</v>
      </c>
      <c r="K389">
        <v>859836</v>
      </c>
      <c r="L389">
        <v>859837</v>
      </c>
      <c r="M389">
        <v>108</v>
      </c>
      <c r="N389" t="s">
        <v>40</v>
      </c>
      <c r="O389" s="1">
        <v>43415.103472222225</v>
      </c>
      <c r="P389" s="1">
        <v>43415.104166666664</v>
      </c>
    </row>
    <row r="390" spans="1:16" x14ac:dyDescent="0.4">
      <c r="A390">
        <v>3936</v>
      </c>
      <c r="B390">
        <v>194823</v>
      </c>
      <c r="C390" s="1">
        <v>43415</v>
      </c>
      <c r="D390">
        <v>60</v>
      </c>
      <c r="E390">
        <v>33</v>
      </c>
      <c r="F390" t="s">
        <v>86</v>
      </c>
      <c r="G390">
        <v>3</v>
      </c>
      <c r="H390">
        <v>320</v>
      </c>
      <c r="I390">
        <v>1</v>
      </c>
      <c r="J390">
        <v>0</v>
      </c>
      <c r="K390">
        <v>860088</v>
      </c>
      <c r="L390">
        <v>860089</v>
      </c>
      <c r="M390">
        <v>85</v>
      </c>
      <c r="N390" t="s">
        <v>124</v>
      </c>
      <c r="O390" s="1">
        <v>43415.848611111112</v>
      </c>
      <c r="P390" s="1">
        <v>43415.848611111112</v>
      </c>
    </row>
    <row r="391" spans="1:16" x14ac:dyDescent="0.4">
      <c r="A391">
        <v>3938</v>
      </c>
      <c r="B391">
        <v>194879</v>
      </c>
      <c r="C391" s="1">
        <v>43416</v>
      </c>
      <c r="D391">
        <v>97</v>
      </c>
      <c r="E391">
        <v>21</v>
      </c>
      <c r="F391" t="s">
        <v>117</v>
      </c>
      <c r="G391">
        <v>4</v>
      </c>
      <c r="H391">
        <v>420</v>
      </c>
      <c r="I391">
        <v>1</v>
      </c>
      <c r="J391">
        <v>0</v>
      </c>
      <c r="K391">
        <v>860291</v>
      </c>
      <c r="L391">
        <v>860292</v>
      </c>
      <c r="M391">
        <v>84</v>
      </c>
      <c r="N391" t="s">
        <v>79</v>
      </c>
      <c r="O391" s="1">
        <v>43416.843055555553</v>
      </c>
      <c r="P391" s="1">
        <v>43416.845833333333</v>
      </c>
    </row>
    <row r="392" spans="1:16" x14ac:dyDescent="0.4">
      <c r="A392">
        <v>3939</v>
      </c>
      <c r="B392">
        <v>194929</v>
      </c>
      <c r="C392" s="1">
        <v>43417</v>
      </c>
      <c r="D392">
        <v>219</v>
      </c>
      <c r="E392">
        <v>292</v>
      </c>
      <c r="F392" t="s">
        <v>138</v>
      </c>
      <c r="G392">
        <v>17</v>
      </c>
      <c r="H392">
        <v>380</v>
      </c>
      <c r="I392">
        <v>1</v>
      </c>
      <c r="J392">
        <v>0</v>
      </c>
      <c r="K392">
        <v>860477</v>
      </c>
      <c r="L392">
        <v>860478</v>
      </c>
      <c r="M392">
        <v>29</v>
      </c>
      <c r="N392" t="s">
        <v>97</v>
      </c>
      <c r="O392" s="1">
        <v>43418.081944444442</v>
      </c>
      <c r="P392" s="1">
        <v>43418.103472222225</v>
      </c>
    </row>
    <row r="393" spans="1:16" x14ac:dyDescent="0.4">
      <c r="A393">
        <v>3940</v>
      </c>
      <c r="B393">
        <v>194977</v>
      </c>
      <c r="C393" s="1">
        <v>43419</v>
      </c>
      <c r="D393">
        <v>125</v>
      </c>
      <c r="E393">
        <v>126</v>
      </c>
      <c r="F393" t="s">
        <v>8</v>
      </c>
      <c r="G393">
        <v>13</v>
      </c>
      <c r="H393">
        <v>380</v>
      </c>
      <c r="I393">
        <v>1</v>
      </c>
      <c r="J393">
        <v>0</v>
      </c>
      <c r="K393">
        <v>860660</v>
      </c>
      <c r="L393">
        <v>860661</v>
      </c>
      <c r="M393">
        <v>96</v>
      </c>
      <c r="N393" t="s">
        <v>7</v>
      </c>
      <c r="O393" s="1">
        <v>43419.525000000001</v>
      </c>
      <c r="P393" s="1">
        <v>43419.637499999997</v>
      </c>
    </row>
    <row r="394" spans="1:16" x14ac:dyDescent="0.4">
      <c r="A394">
        <v>3437</v>
      </c>
      <c r="B394">
        <v>156399</v>
      </c>
      <c r="C394" s="1">
        <v>42857</v>
      </c>
      <c r="D394">
        <v>123</v>
      </c>
      <c r="E394">
        <v>137</v>
      </c>
      <c r="F394" t="s">
        <v>39</v>
      </c>
      <c r="G394">
        <v>20</v>
      </c>
      <c r="H394">
        <v>380</v>
      </c>
      <c r="I394">
        <v>1</v>
      </c>
      <c r="J394">
        <v>0</v>
      </c>
      <c r="K394">
        <v>692357</v>
      </c>
      <c r="L394">
        <v>692358</v>
      </c>
      <c r="M394">
        <v>1</v>
      </c>
      <c r="N394" t="s">
        <v>45</v>
      </c>
      <c r="O394" s="1">
        <v>42858.106944444444</v>
      </c>
      <c r="P394" s="1">
        <v>42858.138888888891</v>
      </c>
    </row>
    <row r="395" spans="1:16" x14ac:dyDescent="0.4">
      <c r="A395">
        <v>3492</v>
      </c>
      <c r="B395">
        <v>158538</v>
      </c>
      <c r="C395" s="1">
        <v>42889</v>
      </c>
      <c r="D395">
        <v>125</v>
      </c>
      <c r="E395">
        <v>126</v>
      </c>
      <c r="F395" t="s">
        <v>8</v>
      </c>
      <c r="G395">
        <v>15</v>
      </c>
      <c r="H395">
        <v>380</v>
      </c>
      <c r="I395">
        <v>1</v>
      </c>
      <c r="J395">
        <v>0</v>
      </c>
      <c r="K395">
        <v>701926</v>
      </c>
      <c r="L395">
        <v>701927</v>
      </c>
      <c r="M395">
        <v>100</v>
      </c>
      <c r="N395" t="s">
        <v>1</v>
      </c>
      <c r="O395" s="1">
        <v>42889.644444444442</v>
      </c>
      <c r="P395" s="1">
        <v>42889.765277777777</v>
      </c>
    </row>
    <row r="396" spans="1:16" x14ac:dyDescent="0.4">
      <c r="A396">
        <v>3941</v>
      </c>
      <c r="B396">
        <v>195120</v>
      </c>
      <c r="C396" s="1">
        <v>43421</v>
      </c>
      <c r="D396">
        <v>125</v>
      </c>
      <c r="E396">
        <v>126</v>
      </c>
      <c r="F396" t="s">
        <v>8</v>
      </c>
      <c r="G396">
        <v>6</v>
      </c>
      <c r="H396">
        <v>380</v>
      </c>
      <c r="I396">
        <v>1</v>
      </c>
      <c r="J396">
        <v>0</v>
      </c>
      <c r="K396">
        <v>861317</v>
      </c>
      <c r="L396">
        <v>861318</v>
      </c>
      <c r="M396">
        <v>90</v>
      </c>
      <c r="N396" t="s">
        <v>84</v>
      </c>
      <c r="O396" s="1">
        <v>43421.662499999999</v>
      </c>
      <c r="P396" s="1">
        <v>43421.767361111109</v>
      </c>
    </row>
    <row r="397" spans="1:16" x14ac:dyDescent="0.4">
      <c r="A397">
        <v>3944</v>
      </c>
      <c r="B397">
        <v>195237</v>
      </c>
      <c r="C397" s="1">
        <v>43422</v>
      </c>
      <c r="D397">
        <v>213</v>
      </c>
      <c r="E397">
        <v>211</v>
      </c>
      <c r="F397" t="s">
        <v>46</v>
      </c>
      <c r="G397">
        <v>5</v>
      </c>
      <c r="H397">
        <v>0</v>
      </c>
      <c r="I397">
        <v>1</v>
      </c>
      <c r="J397">
        <v>0</v>
      </c>
      <c r="K397">
        <v>861780</v>
      </c>
      <c r="L397">
        <v>861781</v>
      </c>
      <c r="M397">
        <v>99</v>
      </c>
      <c r="N397" t="s">
        <v>43</v>
      </c>
      <c r="O397" s="1">
        <v>43422.775694444441</v>
      </c>
      <c r="P397" s="1">
        <v>43422.788888888892</v>
      </c>
    </row>
    <row r="398" spans="1:16" x14ac:dyDescent="0.4">
      <c r="A398">
        <v>3945</v>
      </c>
      <c r="B398">
        <v>195497</v>
      </c>
      <c r="C398" s="1">
        <v>43427</v>
      </c>
      <c r="D398">
        <v>163</v>
      </c>
      <c r="E398">
        <v>104</v>
      </c>
      <c r="F398" t="s">
        <v>69</v>
      </c>
      <c r="G398">
        <v>10</v>
      </c>
      <c r="H398">
        <v>500</v>
      </c>
      <c r="I398">
        <v>2</v>
      </c>
      <c r="J398">
        <v>0</v>
      </c>
      <c r="K398">
        <v>862893</v>
      </c>
      <c r="L398">
        <v>862894</v>
      </c>
      <c r="M398">
        <v>96</v>
      </c>
      <c r="N398" t="s">
        <v>7</v>
      </c>
      <c r="O398" s="1">
        <v>43427.549305555556</v>
      </c>
      <c r="P398" s="1">
        <v>43427.581944444442</v>
      </c>
    </row>
    <row r="399" spans="1:16" x14ac:dyDescent="0.4">
      <c r="A399">
        <v>3946</v>
      </c>
      <c r="B399">
        <v>195744</v>
      </c>
      <c r="C399" s="1">
        <v>43429</v>
      </c>
      <c r="D399">
        <v>125</v>
      </c>
      <c r="E399">
        <v>126</v>
      </c>
      <c r="F399" t="s">
        <v>8</v>
      </c>
      <c r="G399">
        <v>16</v>
      </c>
      <c r="H399">
        <v>380</v>
      </c>
      <c r="I399">
        <v>1</v>
      </c>
      <c r="J399">
        <v>0</v>
      </c>
      <c r="K399">
        <v>863917</v>
      </c>
      <c r="L399">
        <v>863918</v>
      </c>
      <c r="M399">
        <v>30</v>
      </c>
      <c r="O399" s="1">
        <v>43429.895833333336</v>
      </c>
      <c r="P399" s="1">
        <v>43429.896527777775</v>
      </c>
    </row>
    <row r="400" spans="1:16" x14ac:dyDescent="0.4">
      <c r="A400">
        <v>3947</v>
      </c>
      <c r="B400">
        <v>195807</v>
      </c>
      <c r="C400" s="1">
        <v>43430</v>
      </c>
      <c r="D400">
        <v>150</v>
      </c>
      <c r="E400">
        <v>133</v>
      </c>
      <c r="F400" t="s">
        <v>109</v>
      </c>
      <c r="G400">
        <v>7</v>
      </c>
      <c r="H400">
        <v>450</v>
      </c>
      <c r="I400">
        <v>1</v>
      </c>
      <c r="J400">
        <v>0</v>
      </c>
      <c r="K400">
        <v>864216</v>
      </c>
      <c r="L400">
        <v>864217</v>
      </c>
      <c r="M400">
        <v>29</v>
      </c>
      <c r="N400" t="s">
        <v>97</v>
      </c>
      <c r="O400" s="1">
        <v>43431.179861111108</v>
      </c>
      <c r="P400" s="1">
        <v>43431.214583333334</v>
      </c>
    </row>
    <row r="401" spans="1:16" x14ac:dyDescent="0.4">
      <c r="A401">
        <v>3948</v>
      </c>
      <c r="B401">
        <v>195978</v>
      </c>
      <c r="C401" s="1">
        <v>43434</v>
      </c>
      <c r="D401">
        <v>280</v>
      </c>
      <c r="E401">
        <v>1266</v>
      </c>
      <c r="F401" t="s">
        <v>13</v>
      </c>
      <c r="G401">
        <v>7</v>
      </c>
      <c r="H401">
        <v>680</v>
      </c>
      <c r="I401">
        <v>1</v>
      </c>
      <c r="J401">
        <v>0</v>
      </c>
      <c r="K401">
        <v>864894</v>
      </c>
      <c r="L401">
        <v>864895</v>
      </c>
      <c r="M401">
        <v>96</v>
      </c>
      <c r="N401" t="s">
        <v>7</v>
      </c>
      <c r="O401" s="1">
        <v>43434.579861111109</v>
      </c>
      <c r="P401" s="1">
        <v>43434.602777777778</v>
      </c>
    </row>
    <row r="402" spans="1:16" x14ac:dyDescent="0.4">
      <c r="A402">
        <v>3949</v>
      </c>
      <c r="B402">
        <v>196300</v>
      </c>
      <c r="C402" s="1">
        <v>43438</v>
      </c>
      <c r="D402">
        <v>149</v>
      </c>
      <c r="E402">
        <v>121</v>
      </c>
      <c r="F402" t="s">
        <v>52</v>
      </c>
      <c r="G402">
        <v>12</v>
      </c>
      <c r="H402">
        <v>450</v>
      </c>
      <c r="I402">
        <v>1</v>
      </c>
      <c r="J402">
        <v>0</v>
      </c>
      <c r="K402">
        <v>866264</v>
      </c>
      <c r="L402">
        <v>866265</v>
      </c>
      <c r="M402">
        <v>84</v>
      </c>
      <c r="N402" t="s">
        <v>79</v>
      </c>
      <c r="O402" s="1">
        <v>43438.780555555553</v>
      </c>
      <c r="P402" s="1">
        <v>43438.782638888886</v>
      </c>
    </row>
    <row r="403" spans="1:16" x14ac:dyDescent="0.4">
      <c r="A403">
        <v>3950</v>
      </c>
      <c r="B403">
        <v>196308</v>
      </c>
      <c r="C403" s="1">
        <v>43438</v>
      </c>
      <c r="D403">
        <v>186</v>
      </c>
      <c r="E403">
        <v>225</v>
      </c>
      <c r="F403" t="s">
        <v>34</v>
      </c>
      <c r="G403">
        <v>7</v>
      </c>
      <c r="H403">
        <v>350</v>
      </c>
      <c r="I403">
        <v>3</v>
      </c>
      <c r="J403">
        <v>0</v>
      </c>
      <c r="K403">
        <v>866309</v>
      </c>
      <c r="L403">
        <v>866310</v>
      </c>
      <c r="M403">
        <v>100</v>
      </c>
      <c r="N403" t="s">
        <v>1</v>
      </c>
      <c r="O403" s="1">
        <v>43438.897222222222</v>
      </c>
      <c r="P403" s="1">
        <v>43438.897222222222</v>
      </c>
    </row>
    <row r="404" spans="1:16" x14ac:dyDescent="0.4">
      <c r="A404">
        <v>3951</v>
      </c>
      <c r="B404">
        <v>196308</v>
      </c>
      <c r="C404" s="1">
        <v>43438</v>
      </c>
      <c r="D404">
        <v>213</v>
      </c>
      <c r="E404">
        <v>211</v>
      </c>
      <c r="F404" t="s">
        <v>46</v>
      </c>
      <c r="G404">
        <v>7</v>
      </c>
      <c r="H404">
        <v>0</v>
      </c>
      <c r="I404">
        <v>2</v>
      </c>
      <c r="J404">
        <v>0</v>
      </c>
      <c r="K404">
        <v>866311</v>
      </c>
      <c r="L404">
        <v>866312</v>
      </c>
      <c r="M404">
        <v>100</v>
      </c>
      <c r="N404" t="s">
        <v>1</v>
      </c>
      <c r="O404" s="1">
        <v>43438.897222222222</v>
      </c>
      <c r="P404" s="1">
        <v>43438.897222222222</v>
      </c>
    </row>
    <row r="405" spans="1:16" x14ac:dyDescent="0.4">
      <c r="A405">
        <v>3952</v>
      </c>
      <c r="B405">
        <v>196308</v>
      </c>
      <c r="C405" s="1">
        <v>43438</v>
      </c>
      <c r="D405">
        <v>57</v>
      </c>
      <c r="E405">
        <v>30</v>
      </c>
      <c r="F405" t="s">
        <v>60</v>
      </c>
      <c r="G405">
        <v>7</v>
      </c>
      <c r="H405">
        <v>320</v>
      </c>
      <c r="I405">
        <v>2</v>
      </c>
      <c r="J405">
        <v>0</v>
      </c>
      <c r="K405">
        <v>866313</v>
      </c>
      <c r="L405">
        <v>866314</v>
      </c>
      <c r="M405">
        <v>100</v>
      </c>
      <c r="N405" t="s">
        <v>1</v>
      </c>
      <c r="O405" s="1">
        <v>43438.897222222222</v>
      </c>
      <c r="P405" s="1">
        <v>43438.897222222222</v>
      </c>
    </row>
    <row r="406" spans="1:16" x14ac:dyDescent="0.4">
      <c r="A406">
        <v>3953</v>
      </c>
      <c r="B406">
        <v>196308</v>
      </c>
      <c r="C406" s="1">
        <v>43438</v>
      </c>
      <c r="D406">
        <v>194</v>
      </c>
      <c r="E406">
        <v>224</v>
      </c>
      <c r="F406" t="s">
        <v>139</v>
      </c>
      <c r="G406">
        <v>7</v>
      </c>
      <c r="H406">
        <v>480</v>
      </c>
      <c r="I406">
        <v>1</v>
      </c>
      <c r="J406">
        <v>0</v>
      </c>
      <c r="K406">
        <v>866315</v>
      </c>
      <c r="L406">
        <v>866316</v>
      </c>
      <c r="M406">
        <v>100</v>
      </c>
      <c r="N406" t="s">
        <v>1</v>
      </c>
      <c r="O406" s="1">
        <v>43438.897222222222</v>
      </c>
      <c r="P406" s="1">
        <v>43438.897222222222</v>
      </c>
    </row>
    <row r="407" spans="1:16" x14ac:dyDescent="0.4">
      <c r="A407">
        <v>3954</v>
      </c>
      <c r="B407">
        <v>196309</v>
      </c>
      <c r="C407" s="1">
        <v>43438</v>
      </c>
      <c r="D407">
        <v>97</v>
      </c>
      <c r="E407">
        <v>21</v>
      </c>
      <c r="F407" t="s">
        <v>117</v>
      </c>
      <c r="G407">
        <v>20</v>
      </c>
      <c r="H407">
        <v>420</v>
      </c>
      <c r="I407">
        <v>23</v>
      </c>
      <c r="J407">
        <v>3</v>
      </c>
      <c r="K407">
        <v>866319</v>
      </c>
      <c r="L407">
        <v>866320</v>
      </c>
      <c r="M407">
        <v>100</v>
      </c>
      <c r="N407" t="s">
        <v>1</v>
      </c>
      <c r="O407" s="1">
        <v>43438.902083333334</v>
      </c>
      <c r="P407" s="1">
        <v>43438.902083333334</v>
      </c>
    </row>
    <row r="408" spans="1:16" x14ac:dyDescent="0.4">
      <c r="A408">
        <v>3955</v>
      </c>
      <c r="B408">
        <v>196301</v>
      </c>
      <c r="C408" s="1">
        <v>43438</v>
      </c>
      <c r="D408">
        <v>290</v>
      </c>
      <c r="E408">
        <v>1260</v>
      </c>
      <c r="F408" t="s">
        <v>22</v>
      </c>
      <c r="G408">
        <v>17</v>
      </c>
      <c r="H408">
        <v>500</v>
      </c>
      <c r="I408">
        <v>1</v>
      </c>
      <c r="J408">
        <v>0</v>
      </c>
      <c r="K408">
        <v>866345</v>
      </c>
      <c r="L408">
        <v>866346</v>
      </c>
      <c r="M408">
        <v>30</v>
      </c>
      <c r="O408" s="1">
        <v>43438.787499999999</v>
      </c>
      <c r="P408" s="1">
        <v>43438.948611111111</v>
      </c>
    </row>
    <row r="409" spans="1:16" x14ac:dyDescent="0.4">
      <c r="A409">
        <v>3956</v>
      </c>
      <c r="B409">
        <v>196353</v>
      </c>
      <c r="C409" s="1">
        <v>43439</v>
      </c>
      <c r="D409">
        <v>149</v>
      </c>
      <c r="E409">
        <v>121</v>
      </c>
      <c r="F409" t="s">
        <v>52</v>
      </c>
      <c r="G409">
        <v>4</v>
      </c>
      <c r="H409">
        <v>450</v>
      </c>
      <c r="I409">
        <v>1</v>
      </c>
      <c r="J409">
        <v>0</v>
      </c>
      <c r="K409">
        <v>866507</v>
      </c>
      <c r="L409">
        <v>866508</v>
      </c>
      <c r="M409">
        <v>99</v>
      </c>
      <c r="N409" t="s">
        <v>43</v>
      </c>
      <c r="O409" s="1">
        <v>43439.904861111114</v>
      </c>
      <c r="P409" s="1">
        <v>43439.918055555558</v>
      </c>
    </row>
    <row r="410" spans="1:16" x14ac:dyDescent="0.4">
      <c r="A410">
        <v>3957</v>
      </c>
      <c r="B410">
        <v>196801</v>
      </c>
      <c r="C410" s="1">
        <v>43446</v>
      </c>
      <c r="D410">
        <v>125</v>
      </c>
      <c r="E410">
        <v>126</v>
      </c>
      <c r="F410" t="s">
        <v>8</v>
      </c>
      <c r="G410">
        <v>17</v>
      </c>
      <c r="H410">
        <v>380</v>
      </c>
      <c r="I410">
        <v>1</v>
      </c>
      <c r="J410">
        <v>0</v>
      </c>
      <c r="K410">
        <v>868477</v>
      </c>
      <c r="L410">
        <v>868478</v>
      </c>
      <c r="M410">
        <v>99</v>
      </c>
      <c r="N410" t="s">
        <v>43</v>
      </c>
      <c r="O410" s="1">
        <v>43446.737500000003</v>
      </c>
      <c r="P410" s="1">
        <v>43446.759722222225</v>
      </c>
    </row>
    <row r="411" spans="1:16" x14ac:dyDescent="0.4">
      <c r="A411">
        <v>3958</v>
      </c>
      <c r="B411">
        <v>197254</v>
      </c>
      <c r="C411" s="1">
        <v>43452</v>
      </c>
      <c r="D411">
        <v>295</v>
      </c>
      <c r="E411">
        <v>549</v>
      </c>
      <c r="F411" t="s">
        <v>53</v>
      </c>
      <c r="G411">
        <v>1</v>
      </c>
      <c r="H411">
        <v>500</v>
      </c>
      <c r="I411">
        <v>1</v>
      </c>
      <c r="J411">
        <v>0</v>
      </c>
      <c r="K411">
        <v>870524</v>
      </c>
      <c r="L411">
        <v>870525</v>
      </c>
      <c r="M411">
        <v>29</v>
      </c>
      <c r="N411" t="s">
        <v>97</v>
      </c>
      <c r="O411" s="1">
        <v>43453.145833333336</v>
      </c>
      <c r="P411" s="1">
        <v>43453.146527777775</v>
      </c>
    </row>
    <row r="412" spans="1:16" x14ac:dyDescent="0.4">
      <c r="A412">
        <v>3959</v>
      </c>
      <c r="B412">
        <v>197441</v>
      </c>
      <c r="C412" s="1">
        <v>43455</v>
      </c>
      <c r="D412">
        <v>125</v>
      </c>
      <c r="E412">
        <v>126</v>
      </c>
      <c r="F412" t="s">
        <v>8</v>
      </c>
      <c r="G412">
        <v>3</v>
      </c>
      <c r="H412">
        <v>380</v>
      </c>
      <c r="I412">
        <v>1</v>
      </c>
      <c r="J412">
        <v>0</v>
      </c>
      <c r="K412">
        <v>871300</v>
      </c>
      <c r="L412">
        <v>871301</v>
      </c>
      <c r="M412">
        <v>108</v>
      </c>
      <c r="N412" t="s">
        <v>40</v>
      </c>
      <c r="O412" s="1">
        <v>43455.905555555553</v>
      </c>
      <c r="P412" s="1">
        <v>43455.905555555553</v>
      </c>
    </row>
    <row r="413" spans="1:16" x14ac:dyDescent="0.4">
      <c r="A413">
        <v>3960</v>
      </c>
      <c r="B413">
        <v>197871</v>
      </c>
      <c r="C413" s="1">
        <v>43460</v>
      </c>
      <c r="D413">
        <v>125</v>
      </c>
      <c r="E413">
        <v>126</v>
      </c>
      <c r="F413" t="s">
        <v>8</v>
      </c>
      <c r="G413">
        <v>7</v>
      </c>
      <c r="H413">
        <v>380</v>
      </c>
      <c r="I413">
        <v>1</v>
      </c>
      <c r="J413">
        <v>0</v>
      </c>
      <c r="K413">
        <v>873115</v>
      </c>
      <c r="L413">
        <v>873116</v>
      </c>
      <c r="M413">
        <v>102</v>
      </c>
      <c r="N413" t="s">
        <v>27</v>
      </c>
      <c r="O413" s="1">
        <v>43460.805555555555</v>
      </c>
      <c r="P413" s="1">
        <v>43460.805555555555</v>
      </c>
    </row>
    <row r="414" spans="1:16" x14ac:dyDescent="0.4">
      <c r="A414">
        <v>3961</v>
      </c>
      <c r="B414">
        <v>197982</v>
      </c>
      <c r="C414" s="1">
        <v>43461</v>
      </c>
      <c r="D414">
        <v>249</v>
      </c>
      <c r="E414">
        <v>241</v>
      </c>
      <c r="F414" t="s">
        <v>140</v>
      </c>
      <c r="G414">
        <v>3</v>
      </c>
      <c r="H414">
        <v>420</v>
      </c>
      <c r="I414">
        <v>1</v>
      </c>
      <c r="J414">
        <v>0</v>
      </c>
      <c r="K414">
        <v>873680</v>
      </c>
      <c r="L414">
        <v>873681</v>
      </c>
      <c r="M414">
        <v>108</v>
      </c>
      <c r="N414" t="s">
        <v>40</v>
      </c>
      <c r="O414" s="1">
        <v>43462.077777777777</v>
      </c>
      <c r="P414" s="1">
        <v>43462.095833333333</v>
      </c>
    </row>
    <row r="415" spans="1:16" x14ac:dyDescent="0.4">
      <c r="A415">
        <v>3962</v>
      </c>
      <c r="B415">
        <v>197982</v>
      </c>
      <c r="C415" s="1">
        <v>43461</v>
      </c>
      <c r="D415">
        <v>315</v>
      </c>
      <c r="E415">
        <v>244</v>
      </c>
      <c r="F415" t="s">
        <v>141</v>
      </c>
      <c r="G415">
        <v>3</v>
      </c>
      <c r="H415">
        <v>480</v>
      </c>
      <c r="I415">
        <v>1</v>
      </c>
      <c r="J415">
        <v>0</v>
      </c>
      <c r="K415">
        <v>873682</v>
      </c>
      <c r="L415">
        <v>873683</v>
      </c>
      <c r="M415">
        <v>108</v>
      </c>
      <c r="N415" t="s">
        <v>40</v>
      </c>
      <c r="O415" s="1">
        <v>43462.077777777777</v>
      </c>
      <c r="P415" s="1">
        <v>43462.095833333333</v>
      </c>
    </row>
    <row r="416" spans="1:16" x14ac:dyDescent="0.4">
      <c r="A416">
        <v>3963</v>
      </c>
      <c r="B416">
        <v>197982</v>
      </c>
      <c r="C416" s="1">
        <v>43461</v>
      </c>
      <c r="D416">
        <v>315</v>
      </c>
      <c r="E416">
        <v>244</v>
      </c>
      <c r="F416" t="s">
        <v>141</v>
      </c>
      <c r="G416">
        <v>3</v>
      </c>
      <c r="H416">
        <v>480</v>
      </c>
      <c r="I416">
        <v>1</v>
      </c>
      <c r="J416">
        <v>0</v>
      </c>
      <c r="K416">
        <v>873684</v>
      </c>
      <c r="L416">
        <v>873685</v>
      </c>
      <c r="M416">
        <v>108</v>
      </c>
      <c r="N416" t="s">
        <v>40</v>
      </c>
      <c r="O416" s="1">
        <v>43462.07916666667</v>
      </c>
      <c r="P416" s="1">
        <v>43462.095833333333</v>
      </c>
    </row>
    <row r="417" spans="1:16" x14ac:dyDescent="0.4">
      <c r="A417">
        <v>3964</v>
      </c>
      <c r="B417">
        <v>197982</v>
      </c>
      <c r="C417" s="1">
        <v>43461</v>
      </c>
      <c r="D417">
        <v>315</v>
      </c>
      <c r="E417">
        <v>244</v>
      </c>
      <c r="F417" t="s">
        <v>141</v>
      </c>
      <c r="G417">
        <v>3</v>
      </c>
      <c r="H417">
        <v>480</v>
      </c>
      <c r="I417">
        <v>1</v>
      </c>
      <c r="J417">
        <v>0</v>
      </c>
      <c r="K417">
        <v>873686</v>
      </c>
      <c r="L417">
        <v>873687</v>
      </c>
      <c r="M417">
        <v>108</v>
      </c>
      <c r="N417" t="s">
        <v>40</v>
      </c>
      <c r="O417" s="1">
        <v>43462.095138888886</v>
      </c>
      <c r="P417" s="1">
        <v>43462.095833333333</v>
      </c>
    </row>
    <row r="418" spans="1:16" x14ac:dyDescent="0.4">
      <c r="A418">
        <v>3965</v>
      </c>
      <c r="B418">
        <v>198083</v>
      </c>
      <c r="C418" s="1">
        <v>43462</v>
      </c>
      <c r="D418">
        <v>313</v>
      </c>
      <c r="E418">
        <v>307</v>
      </c>
      <c r="F418" t="s">
        <v>142</v>
      </c>
      <c r="G418">
        <v>6</v>
      </c>
      <c r="H418">
        <v>250</v>
      </c>
      <c r="I418">
        <v>1</v>
      </c>
      <c r="J418">
        <v>0</v>
      </c>
      <c r="K418">
        <v>874211</v>
      </c>
      <c r="L418">
        <v>874212</v>
      </c>
      <c r="M418">
        <v>100</v>
      </c>
      <c r="N418" t="s">
        <v>1</v>
      </c>
      <c r="O418" s="1">
        <v>43463.179166666669</v>
      </c>
      <c r="P418" s="1">
        <v>43463.188888888886</v>
      </c>
    </row>
    <row r="419" spans="1:16" x14ac:dyDescent="0.4">
      <c r="A419">
        <v>3966</v>
      </c>
      <c r="B419">
        <v>198151</v>
      </c>
      <c r="C419" s="1">
        <v>43463</v>
      </c>
      <c r="D419">
        <v>125</v>
      </c>
      <c r="E419">
        <v>126</v>
      </c>
      <c r="F419" t="s">
        <v>8</v>
      </c>
      <c r="G419">
        <v>2</v>
      </c>
      <c r="H419">
        <v>380</v>
      </c>
      <c r="I419">
        <v>1</v>
      </c>
      <c r="J419">
        <v>0</v>
      </c>
      <c r="K419">
        <v>874466</v>
      </c>
      <c r="L419">
        <v>874467</v>
      </c>
      <c r="M419">
        <v>108</v>
      </c>
      <c r="N419" t="s">
        <v>40</v>
      </c>
      <c r="O419" s="1">
        <v>43463.874305555553</v>
      </c>
      <c r="P419" s="1">
        <v>43463.874305555553</v>
      </c>
    </row>
    <row r="420" spans="1:16" x14ac:dyDescent="0.4">
      <c r="A420">
        <v>3967</v>
      </c>
      <c r="B420">
        <v>198221</v>
      </c>
      <c r="C420" s="1">
        <v>43464</v>
      </c>
      <c r="D420">
        <v>290</v>
      </c>
      <c r="E420">
        <v>1260</v>
      </c>
      <c r="F420" t="s">
        <v>22</v>
      </c>
      <c r="G420">
        <v>12</v>
      </c>
      <c r="H420">
        <v>500</v>
      </c>
      <c r="I420">
        <v>1</v>
      </c>
      <c r="J420">
        <v>0</v>
      </c>
      <c r="K420">
        <v>874869</v>
      </c>
      <c r="L420">
        <v>874870</v>
      </c>
      <c r="M420">
        <v>84</v>
      </c>
      <c r="N420" t="s">
        <v>79</v>
      </c>
      <c r="O420" s="1">
        <v>43464.745833333334</v>
      </c>
      <c r="P420" s="1">
        <v>43464.746527777781</v>
      </c>
    </row>
    <row r="421" spans="1:16" x14ac:dyDescent="0.4">
      <c r="A421">
        <v>3968</v>
      </c>
      <c r="B421">
        <v>198244</v>
      </c>
      <c r="C421" s="1">
        <v>43464</v>
      </c>
      <c r="D421">
        <v>295</v>
      </c>
      <c r="E421">
        <v>549</v>
      </c>
      <c r="F421" t="s">
        <v>53</v>
      </c>
      <c r="G421">
        <v>5</v>
      </c>
      <c r="H421">
        <v>500</v>
      </c>
      <c r="I421">
        <v>1</v>
      </c>
      <c r="J421">
        <v>0</v>
      </c>
      <c r="K421">
        <v>875167</v>
      </c>
      <c r="L421">
        <v>875168</v>
      </c>
      <c r="M421">
        <v>108</v>
      </c>
      <c r="N421" t="s">
        <v>40</v>
      </c>
      <c r="O421" s="1">
        <v>43465.150694444441</v>
      </c>
      <c r="P421" s="1">
        <v>43465.15347222222</v>
      </c>
    </row>
    <row r="422" spans="1:16" x14ac:dyDescent="0.4">
      <c r="A422">
        <v>3969</v>
      </c>
      <c r="B422">
        <v>198289</v>
      </c>
      <c r="C422" s="1">
        <v>43465</v>
      </c>
      <c r="D422">
        <v>126</v>
      </c>
      <c r="E422">
        <v>138</v>
      </c>
      <c r="F422" t="s">
        <v>66</v>
      </c>
      <c r="G422">
        <v>20</v>
      </c>
      <c r="H422">
        <v>380</v>
      </c>
      <c r="I422">
        <v>1</v>
      </c>
      <c r="J422">
        <v>0</v>
      </c>
      <c r="K422">
        <v>875238</v>
      </c>
      <c r="L422">
        <v>875239</v>
      </c>
      <c r="M422">
        <v>96</v>
      </c>
      <c r="N422" t="s">
        <v>7</v>
      </c>
      <c r="O422" s="1">
        <v>43465.493750000001</v>
      </c>
      <c r="P422" s="1">
        <v>43465.493750000001</v>
      </c>
    </row>
    <row r="423" spans="1:16" x14ac:dyDescent="0.4">
      <c r="A423">
        <v>3970</v>
      </c>
      <c r="B423">
        <v>198450</v>
      </c>
      <c r="C423" s="1">
        <v>43467</v>
      </c>
      <c r="D423">
        <v>57</v>
      </c>
      <c r="E423">
        <v>30</v>
      </c>
      <c r="F423" t="s">
        <v>60</v>
      </c>
      <c r="G423">
        <v>8</v>
      </c>
      <c r="H423">
        <v>320</v>
      </c>
      <c r="I423">
        <v>2</v>
      </c>
      <c r="J423">
        <v>0</v>
      </c>
      <c r="K423">
        <v>875897</v>
      </c>
      <c r="L423">
        <v>875898</v>
      </c>
      <c r="M423">
        <v>108</v>
      </c>
      <c r="N423" t="s">
        <v>40</v>
      </c>
      <c r="O423" s="1">
        <v>43467.847222222219</v>
      </c>
      <c r="P423" s="1">
        <v>43467.847916666666</v>
      </c>
    </row>
    <row r="424" spans="1:16" x14ac:dyDescent="0.4">
      <c r="A424">
        <v>3971</v>
      </c>
      <c r="B424">
        <v>198450</v>
      </c>
      <c r="C424" s="1">
        <v>43467</v>
      </c>
      <c r="D424">
        <v>60</v>
      </c>
      <c r="E424">
        <v>33</v>
      </c>
      <c r="F424" t="s">
        <v>86</v>
      </c>
      <c r="G424">
        <v>8</v>
      </c>
      <c r="H424">
        <v>320</v>
      </c>
      <c r="I424">
        <v>1</v>
      </c>
      <c r="J424">
        <v>0</v>
      </c>
      <c r="K424">
        <v>875899</v>
      </c>
      <c r="L424">
        <v>875900</v>
      </c>
      <c r="M424">
        <v>108</v>
      </c>
      <c r="N424" t="s">
        <v>40</v>
      </c>
      <c r="O424" s="1">
        <v>43467.847222222219</v>
      </c>
      <c r="P424" s="1">
        <v>43467.847916666666</v>
      </c>
    </row>
    <row r="425" spans="1:16" x14ac:dyDescent="0.4">
      <c r="A425">
        <v>3972</v>
      </c>
      <c r="B425">
        <v>198450</v>
      </c>
      <c r="C425" s="1">
        <v>43467</v>
      </c>
      <c r="D425">
        <v>75</v>
      </c>
      <c r="E425">
        <v>56</v>
      </c>
      <c r="F425" t="s">
        <v>49</v>
      </c>
      <c r="G425">
        <v>8</v>
      </c>
      <c r="H425">
        <v>400</v>
      </c>
      <c r="I425">
        <v>1</v>
      </c>
      <c r="J425">
        <v>0</v>
      </c>
      <c r="K425">
        <v>875901</v>
      </c>
      <c r="L425">
        <v>875902</v>
      </c>
      <c r="M425">
        <v>108</v>
      </c>
      <c r="N425" t="s">
        <v>40</v>
      </c>
      <c r="O425" s="1">
        <v>43467.847222222219</v>
      </c>
      <c r="P425" s="1">
        <v>43467.847916666666</v>
      </c>
    </row>
    <row r="426" spans="1:16" x14ac:dyDescent="0.4">
      <c r="A426">
        <v>3973</v>
      </c>
      <c r="B426">
        <v>198450</v>
      </c>
      <c r="C426" s="1">
        <v>43467</v>
      </c>
      <c r="D426">
        <v>65</v>
      </c>
      <c r="E426">
        <v>38</v>
      </c>
      <c r="F426" t="s">
        <v>80</v>
      </c>
      <c r="G426">
        <v>8</v>
      </c>
      <c r="H426">
        <v>320</v>
      </c>
      <c r="I426">
        <v>1</v>
      </c>
      <c r="J426">
        <v>0</v>
      </c>
      <c r="K426">
        <v>875903</v>
      </c>
      <c r="L426">
        <v>875904</v>
      </c>
      <c r="M426">
        <v>108</v>
      </c>
      <c r="N426" t="s">
        <v>40</v>
      </c>
      <c r="O426" s="1">
        <v>43467.847222222219</v>
      </c>
      <c r="P426" s="1">
        <v>43467.847916666666</v>
      </c>
    </row>
    <row r="427" spans="1:16" x14ac:dyDescent="0.4">
      <c r="A427">
        <v>3976</v>
      </c>
      <c r="B427">
        <v>198614</v>
      </c>
      <c r="C427" s="1">
        <v>43469</v>
      </c>
      <c r="D427">
        <v>219</v>
      </c>
      <c r="E427">
        <v>292</v>
      </c>
      <c r="F427" t="s">
        <v>138</v>
      </c>
      <c r="G427">
        <v>17</v>
      </c>
      <c r="H427">
        <v>380</v>
      </c>
      <c r="I427">
        <v>1</v>
      </c>
      <c r="J427">
        <v>0</v>
      </c>
      <c r="K427">
        <v>876643</v>
      </c>
      <c r="L427">
        <v>876644</v>
      </c>
      <c r="M427">
        <v>100</v>
      </c>
      <c r="N427" t="s">
        <v>1</v>
      </c>
      <c r="O427" s="1">
        <v>43469.871527777781</v>
      </c>
      <c r="P427" s="1">
        <v>43469.876388888886</v>
      </c>
    </row>
    <row r="428" spans="1:16" x14ac:dyDescent="0.4">
      <c r="A428">
        <v>3977</v>
      </c>
      <c r="B428">
        <v>198614</v>
      </c>
      <c r="C428" s="1">
        <v>43469</v>
      </c>
      <c r="D428">
        <v>218</v>
      </c>
      <c r="E428">
        <v>293</v>
      </c>
      <c r="F428" t="s">
        <v>143</v>
      </c>
      <c r="G428">
        <v>17</v>
      </c>
      <c r="H428">
        <v>380</v>
      </c>
      <c r="I428">
        <v>1</v>
      </c>
      <c r="J428">
        <v>0</v>
      </c>
      <c r="K428">
        <v>876645</v>
      </c>
      <c r="L428">
        <v>876646</v>
      </c>
      <c r="M428">
        <v>100</v>
      </c>
      <c r="N428" t="s">
        <v>1</v>
      </c>
      <c r="O428" s="1">
        <v>43469.871527777781</v>
      </c>
      <c r="P428" s="1">
        <v>43469.876388888886</v>
      </c>
    </row>
    <row r="429" spans="1:16" x14ac:dyDescent="0.4">
      <c r="A429">
        <v>3984</v>
      </c>
      <c r="B429">
        <v>198631</v>
      </c>
      <c r="C429" s="1">
        <v>43469</v>
      </c>
      <c r="D429">
        <v>219</v>
      </c>
      <c r="E429">
        <v>292</v>
      </c>
      <c r="F429" t="s">
        <v>138</v>
      </c>
      <c r="G429">
        <v>9</v>
      </c>
      <c r="H429">
        <v>380</v>
      </c>
      <c r="I429">
        <v>1</v>
      </c>
      <c r="J429">
        <v>0</v>
      </c>
      <c r="K429">
        <v>876787</v>
      </c>
      <c r="L429">
        <v>876788</v>
      </c>
      <c r="M429">
        <v>102</v>
      </c>
      <c r="N429" t="s">
        <v>27</v>
      </c>
      <c r="O429" s="1">
        <v>43470.1875</v>
      </c>
      <c r="P429" s="1">
        <v>43470.188194444447</v>
      </c>
    </row>
    <row r="430" spans="1:16" x14ac:dyDescent="0.4">
      <c r="A430">
        <v>3985</v>
      </c>
      <c r="B430">
        <v>199216</v>
      </c>
      <c r="C430" s="1">
        <v>43479</v>
      </c>
      <c r="D430">
        <v>127</v>
      </c>
      <c r="E430">
        <v>136</v>
      </c>
      <c r="F430" t="s">
        <v>32</v>
      </c>
      <c r="G430">
        <v>10</v>
      </c>
      <c r="H430">
        <v>600</v>
      </c>
      <c r="I430">
        <v>1</v>
      </c>
      <c r="J430">
        <v>0</v>
      </c>
      <c r="K430">
        <v>879225</v>
      </c>
      <c r="L430">
        <v>879226</v>
      </c>
      <c r="M430">
        <v>96</v>
      </c>
      <c r="N430" t="s">
        <v>7</v>
      </c>
      <c r="O430" s="1">
        <v>43479.529861111114</v>
      </c>
      <c r="P430" s="1">
        <v>43479.532638888886</v>
      </c>
    </row>
    <row r="431" spans="1:16" x14ac:dyDescent="0.4">
      <c r="A431">
        <v>3986</v>
      </c>
      <c r="B431">
        <v>199490</v>
      </c>
      <c r="C431" s="1">
        <v>43483</v>
      </c>
      <c r="D431">
        <v>9</v>
      </c>
      <c r="E431">
        <v>101</v>
      </c>
      <c r="F431" t="s">
        <v>54</v>
      </c>
      <c r="G431">
        <v>15</v>
      </c>
      <c r="H431">
        <v>420</v>
      </c>
      <c r="I431">
        <v>1</v>
      </c>
      <c r="J431">
        <v>0</v>
      </c>
      <c r="K431">
        <v>880237</v>
      </c>
      <c r="L431">
        <v>880238</v>
      </c>
      <c r="M431">
        <v>108</v>
      </c>
      <c r="N431" t="s">
        <v>40</v>
      </c>
      <c r="O431" s="1">
        <v>43483.942361111112</v>
      </c>
      <c r="P431" s="1">
        <v>43483.947222222225</v>
      </c>
    </row>
    <row r="432" spans="1:16" x14ac:dyDescent="0.4">
      <c r="A432">
        <v>3987</v>
      </c>
      <c r="B432">
        <v>199625</v>
      </c>
      <c r="C432" s="1">
        <v>43485</v>
      </c>
      <c r="D432">
        <v>125</v>
      </c>
      <c r="E432">
        <v>126</v>
      </c>
      <c r="F432" t="s">
        <v>8</v>
      </c>
      <c r="G432">
        <v>1</v>
      </c>
      <c r="H432">
        <v>380</v>
      </c>
      <c r="I432">
        <v>1</v>
      </c>
      <c r="J432">
        <v>0</v>
      </c>
      <c r="K432">
        <v>880889</v>
      </c>
      <c r="L432">
        <v>880890</v>
      </c>
      <c r="M432">
        <v>90</v>
      </c>
      <c r="N432" t="s">
        <v>84</v>
      </c>
      <c r="O432" s="1">
        <v>43485.667361111111</v>
      </c>
      <c r="P432" s="1">
        <v>43485.668749999997</v>
      </c>
    </row>
    <row r="433" spans="1:16" x14ac:dyDescent="0.4">
      <c r="A433">
        <v>3988</v>
      </c>
      <c r="B433">
        <v>199963</v>
      </c>
      <c r="C433" s="1">
        <v>43491</v>
      </c>
      <c r="D433">
        <v>125</v>
      </c>
      <c r="E433">
        <v>126</v>
      </c>
      <c r="F433" t="s">
        <v>8</v>
      </c>
      <c r="G433">
        <v>3</v>
      </c>
      <c r="H433">
        <v>380</v>
      </c>
      <c r="I433">
        <v>1</v>
      </c>
      <c r="J433">
        <v>0</v>
      </c>
      <c r="K433">
        <v>882244</v>
      </c>
      <c r="L433">
        <v>882245</v>
      </c>
      <c r="M433">
        <v>93</v>
      </c>
      <c r="N433" t="s">
        <v>76</v>
      </c>
      <c r="O433" s="1">
        <v>43491.602083333331</v>
      </c>
      <c r="P433" s="1">
        <v>43491.61041666667</v>
      </c>
    </row>
    <row r="434" spans="1:16" x14ac:dyDescent="0.4">
      <c r="A434">
        <v>3989</v>
      </c>
      <c r="B434">
        <v>200463</v>
      </c>
      <c r="C434" s="1">
        <v>43498</v>
      </c>
      <c r="D434">
        <v>301</v>
      </c>
      <c r="E434">
        <v>1430</v>
      </c>
      <c r="F434" t="s">
        <v>126</v>
      </c>
      <c r="G434">
        <v>18</v>
      </c>
      <c r="H434">
        <v>380</v>
      </c>
      <c r="I434">
        <v>1</v>
      </c>
      <c r="J434">
        <v>0</v>
      </c>
      <c r="K434">
        <v>884262</v>
      </c>
      <c r="L434">
        <v>884263</v>
      </c>
      <c r="M434">
        <v>108</v>
      </c>
      <c r="N434" t="s">
        <v>40</v>
      </c>
      <c r="O434" s="1">
        <v>43498.862500000003</v>
      </c>
      <c r="P434" s="1">
        <v>43498.923611111109</v>
      </c>
    </row>
    <row r="435" spans="1:16" x14ac:dyDescent="0.4">
      <c r="A435">
        <v>3990</v>
      </c>
      <c r="B435">
        <v>200630</v>
      </c>
      <c r="C435" s="1">
        <v>43500</v>
      </c>
      <c r="D435">
        <v>157</v>
      </c>
      <c r="E435">
        <v>113</v>
      </c>
      <c r="F435" t="s">
        <v>59</v>
      </c>
      <c r="G435">
        <v>3</v>
      </c>
      <c r="H435">
        <v>550</v>
      </c>
      <c r="I435">
        <v>1</v>
      </c>
      <c r="J435">
        <v>0</v>
      </c>
      <c r="K435">
        <v>884946</v>
      </c>
      <c r="L435">
        <v>884947</v>
      </c>
      <c r="M435">
        <v>95</v>
      </c>
      <c r="N435" t="s">
        <v>68</v>
      </c>
      <c r="O435" s="1">
        <v>43501.170138888891</v>
      </c>
      <c r="P435" s="1">
        <v>43501.17291666667</v>
      </c>
    </row>
    <row r="436" spans="1:16" x14ac:dyDescent="0.4">
      <c r="A436">
        <v>3991</v>
      </c>
      <c r="B436">
        <v>200857</v>
      </c>
      <c r="C436" s="1">
        <v>43504</v>
      </c>
      <c r="D436">
        <v>146</v>
      </c>
      <c r="E436">
        <v>131</v>
      </c>
      <c r="F436" t="s">
        <v>41</v>
      </c>
      <c r="G436">
        <v>6</v>
      </c>
      <c r="H436">
        <v>450</v>
      </c>
      <c r="I436">
        <v>1</v>
      </c>
      <c r="J436">
        <v>0</v>
      </c>
      <c r="K436">
        <v>885752</v>
      </c>
      <c r="L436">
        <v>885753</v>
      </c>
      <c r="M436">
        <v>99</v>
      </c>
      <c r="N436" t="s">
        <v>43</v>
      </c>
      <c r="O436" s="1">
        <v>43504.841666666667</v>
      </c>
      <c r="P436" s="1">
        <v>43504.849305555559</v>
      </c>
    </row>
    <row r="437" spans="1:16" x14ac:dyDescent="0.4">
      <c r="A437">
        <v>3992</v>
      </c>
      <c r="B437">
        <v>200942</v>
      </c>
      <c r="C437" s="1">
        <v>43505</v>
      </c>
      <c r="D437">
        <v>147</v>
      </c>
      <c r="E437">
        <v>1131</v>
      </c>
      <c r="F437" t="s">
        <v>21</v>
      </c>
      <c r="G437">
        <v>6</v>
      </c>
      <c r="H437">
        <v>450</v>
      </c>
      <c r="I437">
        <v>1</v>
      </c>
      <c r="J437">
        <v>0</v>
      </c>
      <c r="K437">
        <v>886180</v>
      </c>
      <c r="L437">
        <v>886181</v>
      </c>
      <c r="M437">
        <v>108</v>
      </c>
      <c r="N437" t="s">
        <v>40</v>
      </c>
      <c r="O437" s="1">
        <v>43505.896527777775</v>
      </c>
      <c r="P437" s="1">
        <v>43505.898611111108</v>
      </c>
    </row>
    <row r="438" spans="1:16" x14ac:dyDescent="0.4">
      <c r="A438">
        <v>3993</v>
      </c>
      <c r="B438">
        <v>201303</v>
      </c>
      <c r="C438" s="1">
        <v>43511</v>
      </c>
      <c r="D438">
        <v>175</v>
      </c>
      <c r="E438">
        <v>109</v>
      </c>
      <c r="F438" t="s">
        <v>144</v>
      </c>
      <c r="G438">
        <v>14</v>
      </c>
      <c r="H438">
        <v>300</v>
      </c>
      <c r="I438">
        <v>1</v>
      </c>
      <c r="J438">
        <v>0</v>
      </c>
      <c r="K438">
        <v>887635</v>
      </c>
      <c r="L438">
        <v>887636</v>
      </c>
      <c r="M438">
        <v>106</v>
      </c>
      <c r="N438" t="s">
        <v>99</v>
      </c>
      <c r="O438" s="1">
        <v>43511.853472222225</v>
      </c>
      <c r="P438" s="1">
        <v>43511.856249999997</v>
      </c>
    </row>
    <row r="439" spans="1:16" x14ac:dyDescent="0.4">
      <c r="A439">
        <v>3994</v>
      </c>
      <c r="B439">
        <v>201303</v>
      </c>
      <c r="C439" s="1">
        <v>43511</v>
      </c>
      <c r="D439">
        <v>167</v>
      </c>
      <c r="E439">
        <v>305</v>
      </c>
      <c r="F439" t="s">
        <v>82</v>
      </c>
      <c r="G439">
        <v>14</v>
      </c>
      <c r="H439">
        <v>500</v>
      </c>
      <c r="I439">
        <v>1</v>
      </c>
      <c r="J439">
        <v>0</v>
      </c>
      <c r="K439">
        <v>887637</v>
      </c>
      <c r="L439">
        <v>887638</v>
      </c>
      <c r="M439">
        <v>106</v>
      </c>
      <c r="N439" t="s">
        <v>99</v>
      </c>
      <c r="O439" s="1">
        <v>43511.853472222225</v>
      </c>
      <c r="P439" s="1">
        <v>43511.856249999997</v>
      </c>
    </row>
    <row r="440" spans="1:16" x14ac:dyDescent="0.4">
      <c r="A440">
        <v>3995</v>
      </c>
      <c r="B440">
        <v>201303</v>
      </c>
      <c r="C440" s="1">
        <v>43511</v>
      </c>
      <c r="D440">
        <v>166</v>
      </c>
      <c r="E440">
        <v>322</v>
      </c>
      <c r="F440" t="s">
        <v>51</v>
      </c>
      <c r="G440">
        <v>14</v>
      </c>
      <c r="H440">
        <v>550</v>
      </c>
      <c r="I440">
        <v>1</v>
      </c>
      <c r="J440">
        <v>0</v>
      </c>
      <c r="K440">
        <v>887639</v>
      </c>
      <c r="L440">
        <v>887640</v>
      </c>
      <c r="M440">
        <v>106</v>
      </c>
      <c r="N440" t="s">
        <v>99</v>
      </c>
      <c r="O440" s="1">
        <v>43511.853472222225</v>
      </c>
      <c r="P440" s="1">
        <v>43511.856249999997</v>
      </c>
    </row>
    <row r="441" spans="1:16" x14ac:dyDescent="0.4">
      <c r="A441">
        <v>3996</v>
      </c>
      <c r="B441">
        <v>201303</v>
      </c>
      <c r="C441" s="1">
        <v>43511</v>
      </c>
      <c r="D441">
        <v>168</v>
      </c>
      <c r="E441">
        <v>103</v>
      </c>
      <c r="F441" t="s">
        <v>38</v>
      </c>
      <c r="G441">
        <v>14</v>
      </c>
      <c r="H441">
        <v>550</v>
      </c>
      <c r="I441">
        <v>1</v>
      </c>
      <c r="J441">
        <v>0</v>
      </c>
      <c r="K441">
        <v>887641</v>
      </c>
      <c r="L441">
        <v>887642</v>
      </c>
      <c r="M441">
        <v>106</v>
      </c>
      <c r="N441" t="s">
        <v>99</v>
      </c>
      <c r="O441" s="1">
        <v>43511.853472222225</v>
      </c>
      <c r="P441" s="1">
        <v>43511.856249999997</v>
      </c>
    </row>
    <row r="442" spans="1:16" x14ac:dyDescent="0.4">
      <c r="A442">
        <v>3997</v>
      </c>
      <c r="B442">
        <v>201324</v>
      </c>
      <c r="C442" s="1">
        <v>43511</v>
      </c>
      <c r="D442">
        <v>9</v>
      </c>
      <c r="E442">
        <v>101</v>
      </c>
      <c r="F442" t="s">
        <v>54</v>
      </c>
      <c r="G442">
        <v>19</v>
      </c>
      <c r="H442">
        <v>420</v>
      </c>
      <c r="I442">
        <v>1</v>
      </c>
      <c r="J442">
        <v>0</v>
      </c>
      <c r="K442">
        <v>887793</v>
      </c>
      <c r="L442">
        <v>887794</v>
      </c>
      <c r="M442">
        <v>99</v>
      </c>
      <c r="N442" t="s">
        <v>43</v>
      </c>
      <c r="O442" s="1">
        <v>43511.99722222222</v>
      </c>
      <c r="P442" s="1">
        <v>43512.043055555558</v>
      </c>
    </row>
    <row r="443" spans="1:16" x14ac:dyDescent="0.4">
      <c r="A443">
        <v>3294</v>
      </c>
      <c r="B443">
        <v>149223</v>
      </c>
      <c r="C443" s="1">
        <v>42756</v>
      </c>
      <c r="D443">
        <v>69</v>
      </c>
      <c r="E443">
        <v>50</v>
      </c>
      <c r="F443" t="s">
        <v>18</v>
      </c>
      <c r="G443">
        <v>13</v>
      </c>
      <c r="H443">
        <v>480</v>
      </c>
      <c r="I443">
        <v>1</v>
      </c>
      <c r="J443">
        <v>0</v>
      </c>
      <c r="K443">
        <v>659955</v>
      </c>
      <c r="L443">
        <v>659956</v>
      </c>
      <c r="M443">
        <v>1</v>
      </c>
      <c r="N443" t="s">
        <v>12</v>
      </c>
      <c r="O443" s="1">
        <v>42756.961805555555</v>
      </c>
      <c r="P443" s="1">
        <v>42757.033333333333</v>
      </c>
    </row>
    <row r="444" spans="1:16" x14ac:dyDescent="0.4">
      <c r="A444">
        <v>3295</v>
      </c>
      <c r="B444">
        <v>149223</v>
      </c>
      <c r="C444" s="1">
        <v>42756</v>
      </c>
      <c r="D444">
        <v>93</v>
      </c>
      <c r="E444">
        <v>74</v>
      </c>
      <c r="F444" t="s">
        <v>134</v>
      </c>
      <c r="G444">
        <v>13</v>
      </c>
      <c r="H444">
        <v>480</v>
      </c>
      <c r="I444">
        <v>1</v>
      </c>
      <c r="J444">
        <v>0</v>
      </c>
      <c r="K444">
        <v>659957</v>
      </c>
      <c r="L444">
        <v>659958</v>
      </c>
      <c r="M444">
        <v>1</v>
      </c>
      <c r="N444" t="s">
        <v>12</v>
      </c>
      <c r="O444" s="1">
        <v>42756.961805555555</v>
      </c>
      <c r="P444" s="1">
        <v>42757.033333333333</v>
      </c>
    </row>
    <row r="445" spans="1:16" x14ac:dyDescent="0.4">
      <c r="A445">
        <v>3296</v>
      </c>
      <c r="B445">
        <v>149223</v>
      </c>
      <c r="C445" s="1">
        <v>42756</v>
      </c>
      <c r="D445">
        <v>94</v>
      </c>
      <c r="E445">
        <v>75</v>
      </c>
      <c r="F445" t="s">
        <v>57</v>
      </c>
      <c r="G445">
        <v>13</v>
      </c>
      <c r="H445">
        <v>480</v>
      </c>
      <c r="I445">
        <v>1</v>
      </c>
      <c r="J445">
        <v>0</v>
      </c>
      <c r="K445">
        <v>659959</v>
      </c>
      <c r="L445">
        <v>659960</v>
      </c>
      <c r="M445">
        <v>1</v>
      </c>
      <c r="N445" t="s">
        <v>12</v>
      </c>
      <c r="O445" s="1">
        <v>42756.999305555553</v>
      </c>
      <c r="P445" s="1">
        <v>42757.033333333333</v>
      </c>
    </row>
    <row r="446" spans="1:16" x14ac:dyDescent="0.4">
      <c r="A446">
        <v>3297</v>
      </c>
      <c r="B446">
        <v>149223</v>
      </c>
      <c r="C446" s="1">
        <v>42756</v>
      </c>
      <c r="D446">
        <v>93</v>
      </c>
      <c r="E446">
        <v>74</v>
      </c>
      <c r="F446" t="s">
        <v>134</v>
      </c>
      <c r="G446">
        <v>13</v>
      </c>
      <c r="H446">
        <v>480</v>
      </c>
      <c r="I446">
        <v>1</v>
      </c>
      <c r="J446">
        <v>0</v>
      </c>
      <c r="K446">
        <v>659961</v>
      </c>
      <c r="L446">
        <v>659962</v>
      </c>
      <c r="M446">
        <v>1</v>
      </c>
      <c r="N446" t="s">
        <v>12</v>
      </c>
      <c r="O446" s="1">
        <v>42756.999305555553</v>
      </c>
      <c r="P446" s="1">
        <v>42757.03402777778</v>
      </c>
    </row>
    <row r="447" spans="1:16" x14ac:dyDescent="0.4">
      <c r="A447">
        <v>3523</v>
      </c>
      <c r="B447">
        <v>160072</v>
      </c>
      <c r="C447" s="1">
        <v>42911</v>
      </c>
      <c r="D447">
        <v>153</v>
      </c>
      <c r="E447">
        <v>151</v>
      </c>
      <c r="F447" t="s">
        <v>108</v>
      </c>
      <c r="G447">
        <v>11</v>
      </c>
      <c r="H447">
        <v>420</v>
      </c>
      <c r="I447">
        <v>2</v>
      </c>
      <c r="J447">
        <v>1</v>
      </c>
      <c r="K447">
        <v>708716</v>
      </c>
      <c r="L447">
        <v>708717</v>
      </c>
      <c r="M447">
        <v>0</v>
      </c>
      <c r="N447" t="s">
        <v>94</v>
      </c>
      <c r="O447" s="1">
        <v>42911.92083333333</v>
      </c>
      <c r="P447" s="1">
        <v>42911.931250000001</v>
      </c>
    </row>
    <row r="448" spans="1:16" x14ac:dyDescent="0.4">
      <c r="A448">
        <v>3524</v>
      </c>
      <c r="B448">
        <v>160076</v>
      </c>
      <c r="C448" s="1">
        <v>42911</v>
      </c>
      <c r="D448">
        <v>75</v>
      </c>
      <c r="E448">
        <v>56</v>
      </c>
      <c r="F448" t="s">
        <v>49</v>
      </c>
      <c r="G448">
        <v>3</v>
      </c>
      <c r="H448">
        <v>400</v>
      </c>
      <c r="I448">
        <v>1</v>
      </c>
      <c r="J448">
        <v>0</v>
      </c>
      <c r="K448">
        <v>708750</v>
      </c>
      <c r="L448">
        <v>708751</v>
      </c>
      <c r="M448">
        <v>99</v>
      </c>
      <c r="N448" t="s">
        <v>43</v>
      </c>
      <c r="O448" s="1">
        <v>42911.958333333336</v>
      </c>
      <c r="P448" s="1">
        <v>42911.958333333336</v>
      </c>
    </row>
    <row r="449" spans="1:16" x14ac:dyDescent="0.4">
      <c r="A449">
        <v>3525</v>
      </c>
      <c r="B449">
        <v>160080</v>
      </c>
      <c r="C449" s="1">
        <v>42911</v>
      </c>
      <c r="D449">
        <v>61</v>
      </c>
      <c r="E449">
        <v>34</v>
      </c>
      <c r="F449" t="s">
        <v>115</v>
      </c>
      <c r="G449">
        <v>1</v>
      </c>
      <c r="H449">
        <v>320</v>
      </c>
      <c r="I449">
        <v>1</v>
      </c>
      <c r="J449">
        <v>0</v>
      </c>
      <c r="K449">
        <v>708796</v>
      </c>
      <c r="L449">
        <v>708797</v>
      </c>
      <c r="M449">
        <v>99</v>
      </c>
      <c r="N449" t="s">
        <v>43</v>
      </c>
      <c r="O449" s="1">
        <v>42912.039583333331</v>
      </c>
      <c r="P449" s="1">
        <v>42912.039583333331</v>
      </c>
    </row>
    <row r="450" spans="1:16" x14ac:dyDescent="0.4">
      <c r="A450">
        <v>3533</v>
      </c>
      <c r="B450">
        <v>160305</v>
      </c>
      <c r="C450" s="1">
        <v>42915</v>
      </c>
      <c r="D450">
        <v>319</v>
      </c>
      <c r="E450">
        <v>252</v>
      </c>
      <c r="F450" t="s">
        <v>145</v>
      </c>
      <c r="G450">
        <v>7</v>
      </c>
      <c r="H450">
        <v>0</v>
      </c>
      <c r="I450">
        <v>1</v>
      </c>
      <c r="J450">
        <v>0</v>
      </c>
      <c r="K450">
        <v>709753</v>
      </c>
      <c r="L450">
        <v>709754</v>
      </c>
      <c r="M450">
        <v>102</v>
      </c>
      <c r="N450" t="s">
        <v>27</v>
      </c>
      <c r="O450" s="1">
        <v>42915.911805555559</v>
      </c>
      <c r="P450" s="1">
        <v>42915.912499999999</v>
      </c>
    </row>
    <row r="451" spans="1:16" x14ac:dyDescent="0.4">
      <c r="A451">
        <v>3542</v>
      </c>
      <c r="B451">
        <v>161429</v>
      </c>
      <c r="C451" s="1">
        <v>42931</v>
      </c>
      <c r="D451">
        <v>89</v>
      </c>
      <c r="E451">
        <v>70</v>
      </c>
      <c r="F451" t="s">
        <v>10</v>
      </c>
      <c r="G451">
        <v>1</v>
      </c>
      <c r="H451">
        <v>400</v>
      </c>
      <c r="I451">
        <v>1</v>
      </c>
      <c r="J451">
        <v>0</v>
      </c>
      <c r="K451">
        <v>714743</v>
      </c>
      <c r="L451">
        <v>714744</v>
      </c>
      <c r="M451">
        <v>1</v>
      </c>
      <c r="N451" t="s">
        <v>45</v>
      </c>
      <c r="O451" s="1">
        <v>42932.070138888892</v>
      </c>
      <c r="P451" s="1">
        <v>42932.070138888892</v>
      </c>
    </row>
    <row r="452" spans="1:16" x14ac:dyDescent="0.4">
      <c r="A452">
        <v>3543</v>
      </c>
      <c r="B452">
        <v>161429</v>
      </c>
      <c r="C452" s="1">
        <v>42931</v>
      </c>
      <c r="D452">
        <v>58</v>
      </c>
      <c r="E452">
        <v>31</v>
      </c>
      <c r="F452" t="s">
        <v>29</v>
      </c>
      <c r="G452">
        <v>1</v>
      </c>
      <c r="H452">
        <v>320</v>
      </c>
      <c r="I452">
        <v>1</v>
      </c>
      <c r="J452">
        <v>0</v>
      </c>
      <c r="K452">
        <v>714745</v>
      </c>
      <c r="L452">
        <v>714746</v>
      </c>
      <c r="M452">
        <v>1</v>
      </c>
      <c r="N452" t="s">
        <v>45</v>
      </c>
      <c r="O452" s="1">
        <v>42932.070138888892</v>
      </c>
      <c r="P452" s="1">
        <v>42932.070138888892</v>
      </c>
    </row>
    <row r="453" spans="1:16" x14ac:dyDescent="0.4">
      <c r="A453">
        <v>3544</v>
      </c>
      <c r="B453">
        <v>161419</v>
      </c>
      <c r="C453" s="1">
        <v>42931</v>
      </c>
      <c r="D453">
        <v>295</v>
      </c>
      <c r="E453">
        <v>549</v>
      </c>
      <c r="F453" t="s">
        <v>53</v>
      </c>
      <c r="G453">
        <v>6</v>
      </c>
      <c r="H453">
        <v>500</v>
      </c>
      <c r="I453">
        <v>1</v>
      </c>
      <c r="J453">
        <v>0</v>
      </c>
      <c r="K453">
        <v>714827</v>
      </c>
      <c r="L453">
        <v>714828</v>
      </c>
      <c r="M453">
        <v>1</v>
      </c>
      <c r="N453" t="s">
        <v>45</v>
      </c>
      <c r="O453" s="1">
        <v>42932.125</v>
      </c>
      <c r="P453" s="1">
        <v>42932.255555555559</v>
      </c>
    </row>
    <row r="454" spans="1:16" x14ac:dyDescent="0.4">
      <c r="A454">
        <v>3560</v>
      </c>
      <c r="B454">
        <v>161892</v>
      </c>
      <c r="C454" s="1">
        <v>42937</v>
      </c>
      <c r="D454">
        <v>150</v>
      </c>
      <c r="E454">
        <v>133</v>
      </c>
      <c r="F454" t="s">
        <v>109</v>
      </c>
      <c r="G454">
        <v>13</v>
      </c>
      <c r="H454">
        <v>450</v>
      </c>
      <c r="I454">
        <v>1</v>
      </c>
      <c r="J454">
        <v>0</v>
      </c>
      <c r="K454">
        <v>716748</v>
      </c>
      <c r="L454">
        <v>716749</v>
      </c>
      <c r="M454">
        <v>94</v>
      </c>
      <c r="N454" t="s">
        <v>146</v>
      </c>
      <c r="O454" s="1">
        <v>42938.061805555553</v>
      </c>
      <c r="P454" s="1">
        <v>42938.073611111111</v>
      </c>
    </row>
    <row r="455" spans="1:16" x14ac:dyDescent="0.4">
      <c r="A455">
        <v>3561</v>
      </c>
      <c r="B455">
        <v>161892</v>
      </c>
      <c r="C455" s="1">
        <v>42937</v>
      </c>
      <c r="D455">
        <v>151</v>
      </c>
      <c r="E455">
        <v>128</v>
      </c>
      <c r="F455" t="s">
        <v>118</v>
      </c>
      <c r="G455">
        <v>13</v>
      </c>
      <c r="H455">
        <v>450</v>
      </c>
      <c r="I455">
        <v>1</v>
      </c>
      <c r="J455">
        <v>0</v>
      </c>
      <c r="K455">
        <v>716750</v>
      </c>
      <c r="L455">
        <v>716751</v>
      </c>
      <c r="M455">
        <v>94</v>
      </c>
      <c r="N455" t="s">
        <v>146</v>
      </c>
      <c r="O455" s="1">
        <v>42938.061805555553</v>
      </c>
      <c r="P455" s="1">
        <v>42938.073611111111</v>
      </c>
    </row>
    <row r="456" spans="1:16" x14ac:dyDescent="0.4">
      <c r="A456">
        <v>3581</v>
      </c>
      <c r="B456">
        <v>162888</v>
      </c>
      <c r="C456" s="1">
        <v>42950</v>
      </c>
      <c r="D456">
        <v>280</v>
      </c>
      <c r="E456">
        <v>1266</v>
      </c>
      <c r="F456" t="s">
        <v>13</v>
      </c>
      <c r="G456">
        <v>1</v>
      </c>
      <c r="H456">
        <v>680</v>
      </c>
      <c r="I456">
        <v>1</v>
      </c>
      <c r="J456">
        <v>0</v>
      </c>
      <c r="K456">
        <v>721178</v>
      </c>
      <c r="L456">
        <v>721179</v>
      </c>
      <c r="M456">
        <v>89</v>
      </c>
      <c r="N456" t="s">
        <v>44</v>
      </c>
      <c r="O456" s="1">
        <v>42950.92291666667</v>
      </c>
      <c r="P456" s="1">
        <v>42950.932638888888</v>
      </c>
    </row>
    <row r="457" spans="1:16" x14ac:dyDescent="0.4">
      <c r="A457">
        <v>3602</v>
      </c>
      <c r="B457">
        <v>163894</v>
      </c>
      <c r="C457" s="1">
        <v>42962</v>
      </c>
      <c r="D457">
        <v>185</v>
      </c>
      <c r="E457">
        <v>278</v>
      </c>
      <c r="F457" t="s">
        <v>147</v>
      </c>
      <c r="G457">
        <v>1</v>
      </c>
      <c r="H457">
        <v>300</v>
      </c>
      <c r="I457">
        <v>1</v>
      </c>
      <c r="J457">
        <v>0</v>
      </c>
      <c r="K457">
        <v>725860</v>
      </c>
      <c r="L457">
        <v>725861</v>
      </c>
      <c r="M457">
        <v>95</v>
      </c>
      <c r="N457" t="s">
        <v>68</v>
      </c>
      <c r="O457" s="1">
        <v>42962.920138888891</v>
      </c>
      <c r="P457" s="1">
        <v>42962.92083333333</v>
      </c>
    </row>
    <row r="458" spans="1:16" x14ac:dyDescent="0.4">
      <c r="A458">
        <v>3603</v>
      </c>
      <c r="B458">
        <v>163894</v>
      </c>
      <c r="C458" s="1">
        <v>42962</v>
      </c>
      <c r="D458">
        <v>188</v>
      </c>
      <c r="E458">
        <v>227</v>
      </c>
      <c r="F458" t="s">
        <v>113</v>
      </c>
      <c r="G458">
        <v>1</v>
      </c>
      <c r="H458">
        <v>280</v>
      </c>
      <c r="I458">
        <v>1</v>
      </c>
      <c r="J458">
        <v>0</v>
      </c>
      <c r="K458">
        <v>725862</v>
      </c>
      <c r="L458">
        <v>725863</v>
      </c>
      <c r="M458">
        <v>95</v>
      </c>
      <c r="N458" t="s">
        <v>68</v>
      </c>
      <c r="O458" s="1">
        <v>42962.920138888891</v>
      </c>
      <c r="P458" s="1">
        <v>42962.92083333333</v>
      </c>
    </row>
    <row r="459" spans="1:16" x14ac:dyDescent="0.4">
      <c r="A459">
        <v>3998</v>
      </c>
      <c r="B459">
        <v>201984</v>
      </c>
      <c r="C459" s="1">
        <v>43520</v>
      </c>
      <c r="D459">
        <v>97</v>
      </c>
      <c r="E459">
        <v>21</v>
      </c>
      <c r="F459" t="s">
        <v>117</v>
      </c>
      <c r="G459">
        <v>20</v>
      </c>
      <c r="H459">
        <v>420</v>
      </c>
      <c r="I459">
        <v>1</v>
      </c>
      <c r="J459">
        <v>0</v>
      </c>
      <c r="K459">
        <v>890456</v>
      </c>
      <c r="L459">
        <v>890457</v>
      </c>
      <c r="M459">
        <v>30</v>
      </c>
      <c r="O459" s="1">
        <v>43520.943749999999</v>
      </c>
      <c r="P459" s="1">
        <v>43520.943749999999</v>
      </c>
    </row>
    <row r="460" spans="1:16" x14ac:dyDescent="0.4">
      <c r="A460">
        <v>3999</v>
      </c>
      <c r="B460">
        <v>201984</v>
      </c>
      <c r="C460" s="1">
        <v>43520</v>
      </c>
      <c r="D460">
        <v>213</v>
      </c>
      <c r="E460">
        <v>211</v>
      </c>
      <c r="F460" t="s">
        <v>46</v>
      </c>
      <c r="G460">
        <v>20</v>
      </c>
      <c r="H460">
        <v>0</v>
      </c>
      <c r="I460">
        <v>1</v>
      </c>
      <c r="J460">
        <v>0</v>
      </c>
      <c r="K460">
        <v>890459</v>
      </c>
      <c r="L460">
        <v>890460</v>
      </c>
      <c r="M460">
        <v>30</v>
      </c>
      <c r="O460" s="1">
        <v>43520.943749999999</v>
      </c>
      <c r="P460" s="1">
        <v>43520.945138888892</v>
      </c>
    </row>
    <row r="461" spans="1:16" x14ac:dyDescent="0.4">
      <c r="A461">
        <v>4000</v>
      </c>
      <c r="B461">
        <v>202396</v>
      </c>
      <c r="C461" s="1">
        <v>43526</v>
      </c>
      <c r="D461">
        <v>294</v>
      </c>
      <c r="E461">
        <v>550</v>
      </c>
      <c r="F461" t="s">
        <v>122</v>
      </c>
      <c r="G461">
        <v>19</v>
      </c>
      <c r="H461">
        <v>500</v>
      </c>
      <c r="I461">
        <v>1</v>
      </c>
      <c r="J461">
        <v>0</v>
      </c>
      <c r="K461">
        <v>892033</v>
      </c>
      <c r="L461">
        <v>892034</v>
      </c>
      <c r="M461">
        <v>108</v>
      </c>
      <c r="N461" t="s">
        <v>40</v>
      </c>
      <c r="O461" s="1">
        <v>43526.95208333333</v>
      </c>
      <c r="P461" s="1">
        <v>43526.95208333333</v>
      </c>
    </row>
    <row r="462" spans="1:16" x14ac:dyDescent="0.4">
      <c r="A462">
        <v>4001</v>
      </c>
      <c r="B462">
        <v>202394</v>
      </c>
      <c r="C462" s="1">
        <v>43526</v>
      </c>
      <c r="D462">
        <v>125</v>
      </c>
      <c r="E462">
        <v>126</v>
      </c>
      <c r="F462" t="s">
        <v>8</v>
      </c>
      <c r="G462">
        <v>7</v>
      </c>
      <c r="H462">
        <v>380</v>
      </c>
      <c r="I462">
        <v>1</v>
      </c>
      <c r="J462">
        <v>0</v>
      </c>
      <c r="K462">
        <v>892039</v>
      </c>
      <c r="L462">
        <v>892040</v>
      </c>
      <c r="M462">
        <v>108</v>
      </c>
      <c r="N462" t="s">
        <v>40</v>
      </c>
      <c r="O462" s="1">
        <v>43526.956944444442</v>
      </c>
      <c r="P462" s="1">
        <v>43526.956944444442</v>
      </c>
    </row>
    <row r="463" spans="1:16" x14ac:dyDescent="0.4">
      <c r="A463">
        <v>4002</v>
      </c>
      <c r="B463">
        <v>202593</v>
      </c>
      <c r="C463" s="1">
        <v>43529</v>
      </c>
      <c r="D463">
        <v>213</v>
      </c>
      <c r="E463">
        <v>211</v>
      </c>
      <c r="F463" t="s">
        <v>46</v>
      </c>
      <c r="G463">
        <v>7</v>
      </c>
      <c r="H463">
        <v>0</v>
      </c>
      <c r="I463">
        <v>3</v>
      </c>
      <c r="J463">
        <v>0</v>
      </c>
      <c r="K463">
        <v>892806</v>
      </c>
      <c r="L463">
        <v>892807</v>
      </c>
      <c r="M463">
        <v>29</v>
      </c>
      <c r="N463" t="s">
        <v>97</v>
      </c>
      <c r="O463" s="1">
        <v>43530.044444444444</v>
      </c>
      <c r="P463" s="1">
        <v>43530.131249999999</v>
      </c>
    </row>
    <row r="464" spans="1:16" x14ac:dyDescent="0.4">
      <c r="A464">
        <v>4003</v>
      </c>
      <c r="B464">
        <v>202593</v>
      </c>
      <c r="C464" s="1">
        <v>43529</v>
      </c>
      <c r="D464">
        <v>213</v>
      </c>
      <c r="E464">
        <v>211</v>
      </c>
      <c r="F464" t="s">
        <v>46</v>
      </c>
      <c r="G464">
        <v>7</v>
      </c>
      <c r="H464">
        <v>0</v>
      </c>
      <c r="I464">
        <v>2</v>
      </c>
      <c r="J464">
        <v>0</v>
      </c>
      <c r="K464">
        <v>892808</v>
      </c>
      <c r="L464">
        <v>892809</v>
      </c>
      <c r="M464">
        <v>29</v>
      </c>
      <c r="N464" t="s">
        <v>97</v>
      </c>
      <c r="O464" s="1">
        <v>43530.064583333333</v>
      </c>
      <c r="P464" s="1">
        <v>43530.131249999999</v>
      </c>
    </row>
    <row r="465" spans="1:16" x14ac:dyDescent="0.4">
      <c r="A465">
        <v>4004</v>
      </c>
      <c r="B465">
        <v>202593</v>
      </c>
      <c r="C465" s="1">
        <v>43529</v>
      </c>
      <c r="D465">
        <v>213</v>
      </c>
      <c r="E465">
        <v>211</v>
      </c>
      <c r="F465" t="s">
        <v>46</v>
      </c>
      <c r="G465">
        <v>7</v>
      </c>
      <c r="H465">
        <v>0</v>
      </c>
      <c r="I465">
        <v>2</v>
      </c>
      <c r="J465">
        <v>0</v>
      </c>
      <c r="K465">
        <v>892810</v>
      </c>
      <c r="L465">
        <v>892811</v>
      </c>
      <c r="M465">
        <v>95</v>
      </c>
      <c r="N465" t="s">
        <v>68</v>
      </c>
      <c r="O465" s="1">
        <v>43530.086111111108</v>
      </c>
      <c r="P465" s="1">
        <v>43530.131944444445</v>
      </c>
    </row>
    <row r="466" spans="1:16" x14ac:dyDescent="0.4">
      <c r="A466">
        <v>4005</v>
      </c>
      <c r="B466">
        <v>203013</v>
      </c>
      <c r="C466" s="1">
        <v>43535</v>
      </c>
      <c r="D466">
        <v>97</v>
      </c>
      <c r="E466">
        <v>21</v>
      </c>
      <c r="F466" t="s">
        <v>117</v>
      </c>
      <c r="G466">
        <v>12</v>
      </c>
      <c r="H466">
        <v>420</v>
      </c>
      <c r="I466">
        <v>1</v>
      </c>
      <c r="J466">
        <v>0</v>
      </c>
      <c r="K466">
        <v>894425</v>
      </c>
      <c r="L466">
        <v>894426</v>
      </c>
      <c r="M466">
        <v>108</v>
      </c>
      <c r="N466" t="s">
        <v>40</v>
      </c>
      <c r="O466" s="1">
        <v>43535.884027777778</v>
      </c>
      <c r="P466" s="1">
        <v>43535.884027777778</v>
      </c>
    </row>
    <row r="467" spans="1:16" x14ac:dyDescent="0.4">
      <c r="A467">
        <v>4006</v>
      </c>
      <c r="B467">
        <v>203369</v>
      </c>
      <c r="C467" s="1">
        <v>43540</v>
      </c>
      <c r="D467">
        <v>280</v>
      </c>
      <c r="E467">
        <v>1266</v>
      </c>
      <c r="F467" t="s">
        <v>13</v>
      </c>
      <c r="G467">
        <v>5</v>
      </c>
      <c r="H467">
        <v>680</v>
      </c>
      <c r="I467">
        <v>1</v>
      </c>
      <c r="J467">
        <v>0</v>
      </c>
      <c r="K467">
        <v>895715</v>
      </c>
      <c r="L467">
        <v>895716</v>
      </c>
      <c r="M467">
        <v>108</v>
      </c>
      <c r="N467" t="s">
        <v>40</v>
      </c>
      <c r="O467" s="1">
        <v>43540.895138888889</v>
      </c>
      <c r="P467" s="1">
        <v>43540.895138888889</v>
      </c>
    </row>
    <row r="468" spans="1:16" x14ac:dyDescent="0.4">
      <c r="A468">
        <v>4007</v>
      </c>
      <c r="B468">
        <v>204187</v>
      </c>
      <c r="C468" s="1">
        <v>43551</v>
      </c>
      <c r="D468">
        <v>290</v>
      </c>
      <c r="E468">
        <v>1260</v>
      </c>
      <c r="F468" t="s">
        <v>22</v>
      </c>
      <c r="G468">
        <v>9</v>
      </c>
      <c r="H468">
        <v>500</v>
      </c>
      <c r="I468">
        <v>1</v>
      </c>
      <c r="J468">
        <v>0</v>
      </c>
      <c r="K468">
        <v>898915</v>
      </c>
      <c r="L468">
        <v>898916</v>
      </c>
      <c r="M468">
        <v>29</v>
      </c>
      <c r="N468" t="s">
        <v>97</v>
      </c>
      <c r="O468" s="1">
        <v>43551.808333333334</v>
      </c>
      <c r="P468" s="1">
        <v>43551.808333333334</v>
      </c>
    </row>
    <row r="469" spans="1:16" x14ac:dyDescent="0.4">
      <c r="A469">
        <v>4008</v>
      </c>
      <c r="B469">
        <v>204221</v>
      </c>
      <c r="C469" s="1">
        <v>43552</v>
      </c>
      <c r="D469">
        <v>125</v>
      </c>
      <c r="E469">
        <v>126</v>
      </c>
      <c r="F469" t="s">
        <v>8</v>
      </c>
      <c r="G469">
        <v>3</v>
      </c>
      <c r="H469">
        <v>380</v>
      </c>
      <c r="I469">
        <v>1</v>
      </c>
      <c r="J469">
        <v>0</v>
      </c>
      <c r="K469">
        <v>899050</v>
      </c>
      <c r="L469">
        <v>899051</v>
      </c>
      <c r="M469">
        <v>96</v>
      </c>
      <c r="N469" t="s">
        <v>7</v>
      </c>
      <c r="O469" s="1">
        <v>43552.543749999997</v>
      </c>
      <c r="P469" s="1">
        <v>43552.543749999997</v>
      </c>
    </row>
    <row r="470" spans="1:16" x14ac:dyDescent="0.4">
      <c r="A470">
        <v>4009</v>
      </c>
      <c r="B470">
        <v>204464</v>
      </c>
      <c r="C470" s="1">
        <v>43554</v>
      </c>
      <c r="D470">
        <v>69</v>
      </c>
      <c r="E470">
        <v>50</v>
      </c>
      <c r="F470" t="s">
        <v>18</v>
      </c>
      <c r="G470">
        <v>18</v>
      </c>
      <c r="H470">
        <v>480</v>
      </c>
      <c r="I470">
        <v>1</v>
      </c>
      <c r="J470">
        <v>0</v>
      </c>
      <c r="K470">
        <v>900190</v>
      </c>
      <c r="L470">
        <v>900191</v>
      </c>
      <c r="M470">
        <v>100</v>
      </c>
      <c r="N470" t="s">
        <v>1</v>
      </c>
      <c r="O470" s="1">
        <v>43555.050694444442</v>
      </c>
      <c r="P470" s="1">
        <v>43555.146527777775</v>
      </c>
    </row>
    <row r="471" spans="1:16" x14ac:dyDescent="0.4">
      <c r="A471">
        <v>4010</v>
      </c>
      <c r="B471">
        <v>204834</v>
      </c>
      <c r="C471" s="1">
        <v>43560</v>
      </c>
      <c r="D471">
        <v>239</v>
      </c>
      <c r="E471">
        <v>17</v>
      </c>
      <c r="F471" t="s">
        <v>148</v>
      </c>
      <c r="G471">
        <v>1</v>
      </c>
      <c r="H471">
        <v>0</v>
      </c>
      <c r="I471">
        <v>4</v>
      </c>
      <c r="J471">
        <v>0</v>
      </c>
      <c r="K471">
        <v>901500</v>
      </c>
      <c r="L471">
        <v>901501</v>
      </c>
      <c r="M471">
        <v>30</v>
      </c>
      <c r="O471" s="1">
        <v>43560.863194444442</v>
      </c>
      <c r="P471" s="1">
        <v>43560.863888888889</v>
      </c>
    </row>
    <row r="472" spans="1:16" x14ac:dyDescent="0.4">
      <c r="A472">
        <v>4011</v>
      </c>
      <c r="B472">
        <v>205246</v>
      </c>
      <c r="C472" s="1">
        <v>43567</v>
      </c>
      <c r="D472">
        <v>154</v>
      </c>
      <c r="E472">
        <v>152</v>
      </c>
      <c r="F472" t="s">
        <v>130</v>
      </c>
      <c r="G472">
        <v>5</v>
      </c>
      <c r="H472">
        <v>450</v>
      </c>
      <c r="I472">
        <v>1</v>
      </c>
      <c r="J472">
        <v>0</v>
      </c>
      <c r="K472">
        <v>903097</v>
      </c>
      <c r="L472">
        <v>903098</v>
      </c>
      <c r="M472">
        <v>29</v>
      </c>
      <c r="N472" t="s">
        <v>97</v>
      </c>
      <c r="O472" s="1">
        <v>43567.837500000001</v>
      </c>
      <c r="P472" s="1">
        <v>43567.842361111114</v>
      </c>
    </row>
    <row r="473" spans="1:16" x14ac:dyDescent="0.4">
      <c r="A473">
        <v>4012</v>
      </c>
      <c r="B473">
        <v>205434</v>
      </c>
      <c r="C473" s="1">
        <v>43569</v>
      </c>
      <c r="D473">
        <v>148</v>
      </c>
      <c r="E473">
        <v>124</v>
      </c>
      <c r="F473" t="s">
        <v>35</v>
      </c>
      <c r="G473">
        <v>4</v>
      </c>
      <c r="H473">
        <v>450</v>
      </c>
      <c r="I473">
        <v>1</v>
      </c>
      <c r="J473">
        <v>0</v>
      </c>
      <c r="K473">
        <v>903927</v>
      </c>
      <c r="L473">
        <v>903928</v>
      </c>
      <c r="M473">
        <v>108</v>
      </c>
      <c r="N473" t="s">
        <v>40</v>
      </c>
      <c r="O473" s="1">
        <v>43570.001388888886</v>
      </c>
      <c r="P473" s="1">
        <v>43570.001388888886</v>
      </c>
    </row>
    <row r="474" spans="1:16" x14ac:dyDescent="0.4">
      <c r="A474">
        <v>4014</v>
      </c>
      <c r="B474">
        <v>205546</v>
      </c>
      <c r="C474" s="1">
        <v>43571</v>
      </c>
      <c r="D474">
        <v>292</v>
      </c>
      <c r="E474">
        <v>547</v>
      </c>
      <c r="F474" t="s">
        <v>149</v>
      </c>
      <c r="G474">
        <v>20</v>
      </c>
      <c r="H474">
        <v>450</v>
      </c>
      <c r="I474">
        <v>1</v>
      </c>
      <c r="J474">
        <v>0</v>
      </c>
      <c r="K474">
        <v>904382</v>
      </c>
      <c r="L474">
        <v>904383</v>
      </c>
      <c r="M474">
        <v>100</v>
      </c>
      <c r="N474" t="s">
        <v>1</v>
      </c>
      <c r="O474" s="1">
        <v>43571.979166666664</v>
      </c>
      <c r="P474" s="1">
        <v>43571.984722222223</v>
      </c>
    </row>
    <row r="475" spans="1:16" x14ac:dyDescent="0.4">
      <c r="A475">
        <v>4016</v>
      </c>
      <c r="B475">
        <v>205802</v>
      </c>
      <c r="C475" s="1">
        <v>43575</v>
      </c>
      <c r="D475">
        <v>301</v>
      </c>
      <c r="E475">
        <v>1430</v>
      </c>
      <c r="F475" t="s">
        <v>126</v>
      </c>
      <c r="G475">
        <v>18</v>
      </c>
      <c r="H475">
        <v>380</v>
      </c>
      <c r="I475">
        <v>1</v>
      </c>
      <c r="J475">
        <v>0</v>
      </c>
      <c r="K475">
        <v>905415</v>
      </c>
      <c r="L475">
        <v>905416</v>
      </c>
      <c r="M475">
        <v>108</v>
      </c>
      <c r="N475" t="s">
        <v>40</v>
      </c>
      <c r="O475" s="1">
        <v>43575.988888888889</v>
      </c>
      <c r="P475" s="1">
        <v>43575.988888888889</v>
      </c>
    </row>
    <row r="476" spans="1:16" x14ac:dyDescent="0.4">
      <c r="A476">
        <v>4017</v>
      </c>
      <c r="B476">
        <v>205802</v>
      </c>
      <c r="C476" s="1">
        <v>43575</v>
      </c>
      <c r="D476">
        <v>243</v>
      </c>
      <c r="E476">
        <v>2299</v>
      </c>
      <c r="F476" t="s">
        <v>150</v>
      </c>
      <c r="G476">
        <v>18</v>
      </c>
      <c r="H476">
        <v>380</v>
      </c>
      <c r="I476">
        <v>1</v>
      </c>
      <c r="J476">
        <v>0</v>
      </c>
      <c r="K476">
        <v>905417</v>
      </c>
      <c r="L476">
        <v>905418</v>
      </c>
      <c r="M476">
        <v>108</v>
      </c>
      <c r="N476" t="s">
        <v>40</v>
      </c>
      <c r="O476" s="1">
        <v>43575.988888888889</v>
      </c>
      <c r="P476" s="1">
        <v>43575.988888888889</v>
      </c>
    </row>
    <row r="477" spans="1:16" x14ac:dyDescent="0.4">
      <c r="A477">
        <v>4018</v>
      </c>
      <c r="B477">
        <v>205802</v>
      </c>
      <c r="C477" s="1">
        <v>43575</v>
      </c>
      <c r="D477">
        <v>182</v>
      </c>
      <c r="E477">
        <v>143</v>
      </c>
      <c r="F477" t="s">
        <v>151</v>
      </c>
      <c r="G477">
        <v>18</v>
      </c>
      <c r="H477">
        <v>380</v>
      </c>
      <c r="I477">
        <v>1</v>
      </c>
      <c r="J477">
        <v>0</v>
      </c>
      <c r="K477">
        <v>905419</v>
      </c>
      <c r="L477">
        <v>905420</v>
      </c>
      <c r="M477">
        <v>108</v>
      </c>
      <c r="N477" t="s">
        <v>40</v>
      </c>
      <c r="O477" s="1">
        <v>43575.988888888889</v>
      </c>
      <c r="P477" s="1">
        <v>43575.988888888889</v>
      </c>
    </row>
    <row r="478" spans="1:16" x14ac:dyDescent="0.4">
      <c r="A478">
        <v>4019</v>
      </c>
      <c r="B478">
        <v>205979</v>
      </c>
      <c r="C478" s="1">
        <v>43578</v>
      </c>
      <c r="D478">
        <v>213</v>
      </c>
      <c r="E478">
        <v>211</v>
      </c>
      <c r="F478" t="s">
        <v>46</v>
      </c>
      <c r="G478">
        <v>1</v>
      </c>
      <c r="H478">
        <v>0</v>
      </c>
      <c r="I478">
        <v>3</v>
      </c>
      <c r="J478">
        <v>0</v>
      </c>
      <c r="K478">
        <v>906109</v>
      </c>
      <c r="L478">
        <v>906110</v>
      </c>
      <c r="M478">
        <v>30</v>
      </c>
      <c r="O478" s="1">
        <v>43578.841666666667</v>
      </c>
      <c r="P478" s="1">
        <v>43578.884027777778</v>
      </c>
    </row>
    <row r="479" spans="1:16" x14ac:dyDescent="0.4">
      <c r="A479">
        <v>4020</v>
      </c>
      <c r="B479">
        <v>205979</v>
      </c>
      <c r="C479" s="1">
        <v>43578</v>
      </c>
      <c r="D479">
        <v>186</v>
      </c>
      <c r="E479">
        <v>225</v>
      </c>
      <c r="F479" t="s">
        <v>34</v>
      </c>
      <c r="G479">
        <v>1</v>
      </c>
      <c r="H479">
        <v>0</v>
      </c>
      <c r="I479">
        <v>3</v>
      </c>
      <c r="J479">
        <v>0</v>
      </c>
      <c r="K479">
        <v>906111</v>
      </c>
      <c r="L479">
        <v>906112</v>
      </c>
      <c r="M479">
        <v>30</v>
      </c>
      <c r="O479" s="1">
        <v>43578.855555555558</v>
      </c>
      <c r="P479" s="1">
        <v>43578.884027777778</v>
      </c>
    </row>
    <row r="480" spans="1:16" x14ac:dyDescent="0.4">
      <c r="A480">
        <v>4021</v>
      </c>
      <c r="B480">
        <v>205979</v>
      </c>
      <c r="C480" s="1">
        <v>43578</v>
      </c>
      <c r="D480">
        <v>186</v>
      </c>
      <c r="E480">
        <v>225</v>
      </c>
      <c r="F480" t="s">
        <v>34</v>
      </c>
      <c r="G480">
        <v>1</v>
      </c>
      <c r="H480">
        <v>0</v>
      </c>
      <c r="I480">
        <v>3</v>
      </c>
      <c r="J480">
        <v>0</v>
      </c>
      <c r="K480">
        <v>906113</v>
      </c>
      <c r="L480">
        <v>906114</v>
      </c>
      <c r="M480">
        <v>30</v>
      </c>
      <c r="O480" s="1">
        <v>43578.868750000001</v>
      </c>
      <c r="P480" s="1">
        <v>43578.884027777778</v>
      </c>
    </row>
    <row r="481" spans="1:16" x14ac:dyDescent="0.4">
      <c r="A481">
        <v>4022</v>
      </c>
      <c r="B481">
        <v>205982</v>
      </c>
      <c r="C481" s="1">
        <v>43578</v>
      </c>
      <c r="D481">
        <v>213</v>
      </c>
      <c r="E481">
        <v>211</v>
      </c>
      <c r="F481" t="s">
        <v>46</v>
      </c>
      <c r="G481">
        <v>2</v>
      </c>
      <c r="H481">
        <v>0</v>
      </c>
      <c r="I481">
        <v>1</v>
      </c>
      <c r="J481">
        <v>0</v>
      </c>
      <c r="K481">
        <v>906125</v>
      </c>
      <c r="L481">
        <v>906126</v>
      </c>
      <c r="M481">
        <v>30</v>
      </c>
      <c r="O481" s="1">
        <v>43578.900694444441</v>
      </c>
      <c r="P481" s="1">
        <v>43578.918055555558</v>
      </c>
    </row>
    <row r="482" spans="1:16" x14ac:dyDescent="0.4">
      <c r="A482">
        <v>4023</v>
      </c>
      <c r="B482">
        <v>205982</v>
      </c>
      <c r="C482" s="1">
        <v>43578</v>
      </c>
      <c r="D482">
        <v>186</v>
      </c>
      <c r="E482">
        <v>225</v>
      </c>
      <c r="F482" t="s">
        <v>34</v>
      </c>
      <c r="G482">
        <v>2</v>
      </c>
      <c r="H482">
        <v>0</v>
      </c>
      <c r="I482">
        <v>1</v>
      </c>
      <c r="J482">
        <v>0</v>
      </c>
      <c r="K482">
        <v>906127</v>
      </c>
      <c r="L482">
        <v>906128</v>
      </c>
      <c r="M482">
        <v>30</v>
      </c>
      <c r="O482" s="1">
        <v>43578.900694444441</v>
      </c>
      <c r="P482" s="1">
        <v>43578.918055555558</v>
      </c>
    </row>
    <row r="483" spans="1:16" x14ac:dyDescent="0.4">
      <c r="A483">
        <v>4024</v>
      </c>
      <c r="B483">
        <v>206137</v>
      </c>
      <c r="C483" s="1">
        <v>43581</v>
      </c>
      <c r="D483">
        <v>146</v>
      </c>
      <c r="E483">
        <v>131</v>
      </c>
      <c r="F483" t="s">
        <v>41</v>
      </c>
      <c r="G483">
        <v>16</v>
      </c>
      <c r="H483">
        <v>450</v>
      </c>
      <c r="I483">
        <v>1</v>
      </c>
      <c r="J483">
        <v>0</v>
      </c>
      <c r="K483">
        <v>906739</v>
      </c>
      <c r="L483">
        <v>906740</v>
      </c>
      <c r="M483">
        <v>108</v>
      </c>
      <c r="N483" t="s">
        <v>40</v>
      </c>
      <c r="O483" s="1">
        <v>43581.960416666669</v>
      </c>
      <c r="P483" s="1">
        <v>43581.963888888888</v>
      </c>
    </row>
    <row r="484" spans="1:16" x14ac:dyDescent="0.4">
      <c r="A484">
        <v>4025</v>
      </c>
      <c r="B484">
        <v>206417</v>
      </c>
      <c r="C484" s="1">
        <v>43584</v>
      </c>
      <c r="D484">
        <v>75</v>
      </c>
      <c r="E484">
        <v>56</v>
      </c>
      <c r="F484" t="s">
        <v>49</v>
      </c>
      <c r="G484">
        <v>1</v>
      </c>
      <c r="H484">
        <v>400</v>
      </c>
      <c r="I484">
        <v>2</v>
      </c>
      <c r="J484">
        <v>0</v>
      </c>
      <c r="K484">
        <v>907899</v>
      </c>
      <c r="L484">
        <v>907900</v>
      </c>
      <c r="M484">
        <v>84</v>
      </c>
      <c r="N484" t="s">
        <v>79</v>
      </c>
      <c r="O484" s="1">
        <v>43584.884027777778</v>
      </c>
      <c r="P484" s="1">
        <v>43584.888888888891</v>
      </c>
    </row>
    <row r="485" spans="1:16" x14ac:dyDescent="0.4">
      <c r="A485">
        <v>4026</v>
      </c>
      <c r="B485">
        <v>206417</v>
      </c>
      <c r="C485" s="1">
        <v>43584</v>
      </c>
      <c r="D485">
        <v>57</v>
      </c>
      <c r="E485">
        <v>30</v>
      </c>
      <c r="F485" t="s">
        <v>60</v>
      </c>
      <c r="G485">
        <v>1</v>
      </c>
      <c r="H485">
        <v>320</v>
      </c>
      <c r="I485">
        <v>1</v>
      </c>
      <c r="J485">
        <v>0</v>
      </c>
      <c r="K485">
        <v>907901</v>
      </c>
      <c r="L485">
        <v>907902</v>
      </c>
      <c r="M485">
        <v>84</v>
      </c>
      <c r="N485" t="s">
        <v>79</v>
      </c>
      <c r="O485" s="1">
        <v>43584.884027777778</v>
      </c>
      <c r="P485" s="1">
        <v>43584.888888888891</v>
      </c>
    </row>
    <row r="486" spans="1:16" x14ac:dyDescent="0.4">
      <c r="A486">
        <v>4027</v>
      </c>
      <c r="B486">
        <v>206417</v>
      </c>
      <c r="C486" s="1">
        <v>43584</v>
      </c>
      <c r="D486">
        <v>61</v>
      </c>
      <c r="E486">
        <v>34</v>
      </c>
      <c r="F486" t="s">
        <v>115</v>
      </c>
      <c r="G486">
        <v>1</v>
      </c>
      <c r="H486">
        <v>320</v>
      </c>
      <c r="I486">
        <v>1</v>
      </c>
      <c r="J486">
        <v>0</v>
      </c>
      <c r="K486">
        <v>907903</v>
      </c>
      <c r="L486">
        <v>907904</v>
      </c>
      <c r="M486">
        <v>84</v>
      </c>
      <c r="N486" t="s">
        <v>79</v>
      </c>
      <c r="O486" s="1">
        <v>43584.884027777778</v>
      </c>
      <c r="P486" s="1">
        <v>43584.888888888891</v>
      </c>
    </row>
    <row r="487" spans="1:16" x14ac:dyDescent="0.4">
      <c r="A487">
        <v>4029</v>
      </c>
      <c r="B487">
        <v>206680</v>
      </c>
      <c r="C487" s="1">
        <v>43587</v>
      </c>
      <c r="D487">
        <v>125</v>
      </c>
      <c r="E487">
        <v>126</v>
      </c>
      <c r="F487" t="s">
        <v>8</v>
      </c>
      <c r="G487">
        <v>1</v>
      </c>
      <c r="H487">
        <v>380</v>
      </c>
      <c r="I487">
        <v>1</v>
      </c>
      <c r="J487">
        <v>0</v>
      </c>
      <c r="K487">
        <v>909053</v>
      </c>
      <c r="L487">
        <v>909054</v>
      </c>
      <c r="M487">
        <v>100</v>
      </c>
      <c r="N487" t="s">
        <v>1</v>
      </c>
      <c r="O487" s="1">
        <v>43588.133333333331</v>
      </c>
      <c r="P487" s="1">
        <v>43588.133333333331</v>
      </c>
    </row>
    <row r="488" spans="1:16" x14ac:dyDescent="0.4">
      <c r="A488">
        <v>4030</v>
      </c>
      <c r="B488">
        <v>206781</v>
      </c>
      <c r="C488" s="1">
        <v>43588</v>
      </c>
      <c r="D488">
        <v>187</v>
      </c>
      <c r="E488">
        <v>226</v>
      </c>
      <c r="F488" t="s">
        <v>114</v>
      </c>
      <c r="G488">
        <v>12</v>
      </c>
      <c r="H488">
        <v>350</v>
      </c>
      <c r="I488">
        <v>3</v>
      </c>
      <c r="J488">
        <v>0</v>
      </c>
      <c r="K488">
        <v>909395</v>
      </c>
      <c r="L488">
        <v>909396</v>
      </c>
      <c r="M488">
        <v>108</v>
      </c>
      <c r="N488" t="s">
        <v>40</v>
      </c>
      <c r="O488" s="1">
        <v>43588.991666666669</v>
      </c>
      <c r="P488" s="1">
        <v>43588.991666666669</v>
      </c>
    </row>
    <row r="489" spans="1:16" x14ac:dyDescent="0.4">
      <c r="A489">
        <v>4031</v>
      </c>
      <c r="B489">
        <v>206781</v>
      </c>
      <c r="C489" s="1">
        <v>43588</v>
      </c>
      <c r="D489">
        <v>59</v>
      </c>
      <c r="E489">
        <v>32</v>
      </c>
      <c r="F489" t="s">
        <v>152</v>
      </c>
      <c r="G489">
        <v>12</v>
      </c>
      <c r="H489">
        <v>320</v>
      </c>
      <c r="I489">
        <v>1</v>
      </c>
      <c r="J489">
        <v>0</v>
      </c>
      <c r="K489">
        <v>909397</v>
      </c>
      <c r="L489">
        <v>909398</v>
      </c>
      <c r="M489">
        <v>108</v>
      </c>
      <c r="N489" t="s">
        <v>40</v>
      </c>
      <c r="O489" s="1">
        <v>43588.991666666669</v>
      </c>
      <c r="P489" s="1">
        <v>43588.991666666669</v>
      </c>
    </row>
    <row r="490" spans="1:16" x14ac:dyDescent="0.4">
      <c r="A490">
        <v>4032</v>
      </c>
      <c r="B490">
        <v>206834</v>
      </c>
      <c r="C490" s="1">
        <v>43589</v>
      </c>
      <c r="D490">
        <v>125</v>
      </c>
      <c r="E490">
        <v>126</v>
      </c>
      <c r="F490" t="s">
        <v>8</v>
      </c>
      <c r="G490">
        <v>17</v>
      </c>
      <c r="H490">
        <v>380</v>
      </c>
      <c r="I490">
        <v>1</v>
      </c>
      <c r="J490">
        <v>0</v>
      </c>
      <c r="K490">
        <v>909613</v>
      </c>
      <c r="L490">
        <v>909614</v>
      </c>
      <c r="M490">
        <v>101</v>
      </c>
      <c r="N490" t="s">
        <v>97</v>
      </c>
      <c r="O490" s="1">
        <v>43589.730555555558</v>
      </c>
      <c r="P490" s="1">
        <v>43589.732638888891</v>
      </c>
    </row>
    <row r="491" spans="1:16" x14ac:dyDescent="0.4">
      <c r="A491">
        <v>4033</v>
      </c>
      <c r="B491">
        <v>206834</v>
      </c>
      <c r="C491" s="1">
        <v>43589</v>
      </c>
      <c r="D491">
        <v>57</v>
      </c>
      <c r="E491">
        <v>30</v>
      </c>
      <c r="F491" t="s">
        <v>60</v>
      </c>
      <c r="G491">
        <v>17</v>
      </c>
      <c r="H491">
        <v>320</v>
      </c>
      <c r="I491">
        <v>2</v>
      </c>
      <c r="J491">
        <v>0</v>
      </c>
      <c r="K491">
        <v>909615</v>
      </c>
      <c r="L491">
        <v>909616</v>
      </c>
      <c r="M491">
        <v>101</v>
      </c>
      <c r="N491" t="s">
        <v>97</v>
      </c>
      <c r="O491" s="1">
        <v>43589.730555555558</v>
      </c>
      <c r="P491" s="1">
        <v>43589.732638888891</v>
      </c>
    </row>
    <row r="492" spans="1:16" x14ac:dyDescent="0.4">
      <c r="A492">
        <v>3391</v>
      </c>
      <c r="B492">
        <v>154813</v>
      </c>
      <c r="C492" s="1">
        <v>42833</v>
      </c>
      <c r="D492">
        <v>146</v>
      </c>
      <c r="E492">
        <v>131</v>
      </c>
      <c r="F492" t="s">
        <v>41</v>
      </c>
      <c r="G492">
        <v>13</v>
      </c>
      <c r="H492">
        <v>450</v>
      </c>
      <c r="I492">
        <v>1</v>
      </c>
      <c r="J492">
        <v>0</v>
      </c>
      <c r="K492">
        <v>684930</v>
      </c>
      <c r="L492">
        <v>684931</v>
      </c>
      <c r="M492">
        <v>91</v>
      </c>
      <c r="N492" t="s">
        <v>24</v>
      </c>
      <c r="O492" s="1">
        <v>42834.061111111114</v>
      </c>
      <c r="P492" s="1">
        <v>42834.063888888886</v>
      </c>
    </row>
    <row r="493" spans="1:16" x14ac:dyDescent="0.4">
      <c r="A493">
        <v>3392</v>
      </c>
      <c r="B493">
        <v>154813</v>
      </c>
      <c r="C493" s="1">
        <v>42833</v>
      </c>
      <c r="D493">
        <v>280</v>
      </c>
      <c r="E493">
        <v>1266</v>
      </c>
      <c r="F493" t="s">
        <v>13</v>
      </c>
      <c r="G493">
        <v>13</v>
      </c>
      <c r="H493">
        <v>680</v>
      </c>
      <c r="I493">
        <v>1</v>
      </c>
      <c r="J493">
        <v>0</v>
      </c>
      <c r="K493">
        <v>684970</v>
      </c>
      <c r="L493">
        <v>684971</v>
      </c>
      <c r="M493">
        <v>1</v>
      </c>
      <c r="N493" t="s">
        <v>45</v>
      </c>
      <c r="O493" s="1">
        <v>42834.140277777777</v>
      </c>
      <c r="P493" s="1">
        <v>42834.140277777777</v>
      </c>
    </row>
    <row r="494" spans="1:16" x14ac:dyDescent="0.4">
      <c r="A494">
        <v>3440</v>
      </c>
      <c r="B494">
        <v>156596</v>
      </c>
      <c r="C494" s="1">
        <v>42859</v>
      </c>
      <c r="D494">
        <v>88</v>
      </c>
      <c r="E494">
        <v>69</v>
      </c>
      <c r="F494" t="s">
        <v>55</v>
      </c>
      <c r="G494">
        <v>7</v>
      </c>
      <c r="H494">
        <v>400</v>
      </c>
      <c r="I494">
        <v>1</v>
      </c>
      <c r="J494">
        <v>0</v>
      </c>
      <c r="K494">
        <v>693244</v>
      </c>
      <c r="L494">
        <v>693245</v>
      </c>
      <c r="M494">
        <v>74</v>
      </c>
      <c r="N494" t="s">
        <v>56</v>
      </c>
      <c r="O494" s="1">
        <v>42860.035416666666</v>
      </c>
      <c r="P494" s="1">
        <v>42860.11041666667</v>
      </c>
    </row>
    <row r="495" spans="1:16" x14ac:dyDescent="0.4">
      <c r="A495">
        <v>3469</v>
      </c>
      <c r="B495">
        <v>157863</v>
      </c>
      <c r="C495" s="1">
        <v>42878</v>
      </c>
      <c r="D495">
        <v>80</v>
      </c>
      <c r="E495">
        <v>61</v>
      </c>
      <c r="F495" t="s">
        <v>153</v>
      </c>
      <c r="G495">
        <v>19</v>
      </c>
      <c r="H495">
        <v>400</v>
      </c>
      <c r="I495">
        <v>2</v>
      </c>
      <c r="J495">
        <v>0</v>
      </c>
      <c r="K495">
        <v>698801</v>
      </c>
      <c r="L495">
        <v>698802</v>
      </c>
      <c r="M495">
        <v>1</v>
      </c>
      <c r="N495" t="s">
        <v>45</v>
      </c>
      <c r="O495" s="1">
        <v>42878.865277777775</v>
      </c>
      <c r="P495" s="1">
        <v>42878.944444444445</v>
      </c>
    </row>
    <row r="496" spans="1:16" x14ac:dyDescent="0.4">
      <c r="A496">
        <v>3470</v>
      </c>
      <c r="B496">
        <v>157863</v>
      </c>
      <c r="C496" s="1">
        <v>42878</v>
      </c>
      <c r="D496">
        <v>57</v>
      </c>
      <c r="E496">
        <v>30</v>
      </c>
      <c r="F496" t="s">
        <v>60</v>
      </c>
      <c r="G496">
        <v>19</v>
      </c>
      <c r="H496">
        <v>320</v>
      </c>
      <c r="I496">
        <v>2</v>
      </c>
      <c r="J496">
        <v>0</v>
      </c>
      <c r="K496">
        <v>698803</v>
      </c>
      <c r="L496">
        <v>698804</v>
      </c>
      <c r="M496">
        <v>1</v>
      </c>
      <c r="N496" t="s">
        <v>45</v>
      </c>
      <c r="O496" s="1">
        <v>42878.879166666666</v>
      </c>
      <c r="P496" s="1">
        <v>42878.944444444445</v>
      </c>
    </row>
    <row r="497" spans="1:16" x14ac:dyDescent="0.4">
      <c r="A497">
        <v>3473</v>
      </c>
      <c r="B497">
        <v>157976</v>
      </c>
      <c r="C497" s="1">
        <v>42880</v>
      </c>
      <c r="D497">
        <v>75</v>
      </c>
      <c r="E497">
        <v>56</v>
      </c>
      <c r="F497" t="s">
        <v>49</v>
      </c>
      <c r="G497">
        <v>11</v>
      </c>
      <c r="H497">
        <v>400</v>
      </c>
      <c r="I497">
        <v>1</v>
      </c>
      <c r="J497">
        <v>0</v>
      </c>
      <c r="K497">
        <v>699233</v>
      </c>
      <c r="L497">
        <v>699234</v>
      </c>
      <c r="M497">
        <v>100</v>
      </c>
      <c r="N497" t="s">
        <v>1</v>
      </c>
      <c r="O497" s="1">
        <v>42880.904166666667</v>
      </c>
      <c r="P497" s="1">
        <v>42880.911111111112</v>
      </c>
    </row>
    <row r="498" spans="1:16" x14ac:dyDescent="0.4">
      <c r="A498">
        <v>3477</v>
      </c>
      <c r="B498">
        <v>158149</v>
      </c>
      <c r="C498" s="1">
        <v>42882</v>
      </c>
      <c r="D498">
        <v>84</v>
      </c>
      <c r="E498">
        <v>65</v>
      </c>
      <c r="F498" t="s">
        <v>71</v>
      </c>
      <c r="G498">
        <v>8</v>
      </c>
      <c r="H498">
        <v>400</v>
      </c>
      <c r="I498">
        <v>1</v>
      </c>
      <c r="J498">
        <v>0</v>
      </c>
      <c r="K498">
        <v>700160</v>
      </c>
      <c r="L498">
        <v>700161</v>
      </c>
      <c r="M498">
        <v>1</v>
      </c>
      <c r="N498" t="s">
        <v>45</v>
      </c>
      <c r="O498" s="1">
        <v>42883.142361111109</v>
      </c>
      <c r="P498" s="1">
        <v>42883.147916666669</v>
      </c>
    </row>
    <row r="499" spans="1:16" x14ac:dyDescent="0.4">
      <c r="A499">
        <v>3657</v>
      </c>
      <c r="B499">
        <v>167848</v>
      </c>
      <c r="C499" s="1">
        <v>43016</v>
      </c>
      <c r="D499">
        <v>158</v>
      </c>
      <c r="E499">
        <v>117</v>
      </c>
      <c r="F499" t="s">
        <v>20</v>
      </c>
      <c r="G499">
        <v>3</v>
      </c>
      <c r="H499">
        <v>500</v>
      </c>
      <c r="I499">
        <v>1</v>
      </c>
      <c r="J499">
        <v>0</v>
      </c>
      <c r="K499">
        <v>743409</v>
      </c>
      <c r="L499">
        <v>743410</v>
      </c>
      <c r="M499">
        <v>1</v>
      </c>
      <c r="N499" t="s">
        <v>45</v>
      </c>
      <c r="O499" s="1">
        <v>43017.071527777778</v>
      </c>
      <c r="P499" s="1">
        <v>43017.076388888891</v>
      </c>
    </row>
    <row r="500" spans="1:16" x14ac:dyDescent="0.4">
      <c r="A500">
        <v>3658</v>
      </c>
      <c r="B500">
        <v>167848</v>
      </c>
      <c r="C500" s="1">
        <v>43016</v>
      </c>
      <c r="D500">
        <v>148</v>
      </c>
      <c r="E500">
        <v>124</v>
      </c>
      <c r="F500" t="s">
        <v>35</v>
      </c>
      <c r="G500">
        <v>3</v>
      </c>
      <c r="H500">
        <v>450</v>
      </c>
      <c r="I500">
        <v>1</v>
      </c>
      <c r="J500">
        <v>0</v>
      </c>
      <c r="K500">
        <v>743411</v>
      </c>
      <c r="L500">
        <v>743412</v>
      </c>
      <c r="M500">
        <v>1</v>
      </c>
      <c r="N500" t="s">
        <v>45</v>
      </c>
      <c r="O500" s="1">
        <v>43017.071527777778</v>
      </c>
      <c r="P500" s="1">
        <v>43017.076388888891</v>
      </c>
    </row>
    <row r="501" spans="1:16" x14ac:dyDescent="0.4">
      <c r="A501">
        <v>3662</v>
      </c>
      <c r="B501">
        <v>167918</v>
      </c>
      <c r="C501" s="1">
        <v>43017</v>
      </c>
      <c r="D501">
        <v>76</v>
      </c>
      <c r="E501">
        <v>51</v>
      </c>
      <c r="F501" t="s">
        <v>33</v>
      </c>
      <c r="G501">
        <v>3</v>
      </c>
      <c r="H501">
        <v>400</v>
      </c>
      <c r="I501">
        <v>1</v>
      </c>
      <c r="J501">
        <v>0</v>
      </c>
      <c r="K501">
        <v>743697</v>
      </c>
      <c r="L501">
        <v>743698</v>
      </c>
      <c r="M501">
        <v>29</v>
      </c>
      <c r="N501" t="s">
        <v>97</v>
      </c>
      <c r="O501" s="1">
        <v>43017.861111111109</v>
      </c>
      <c r="P501" s="1">
        <v>43017.861805555556</v>
      </c>
    </row>
    <row r="502" spans="1:16" x14ac:dyDescent="0.4">
      <c r="A502">
        <v>3663</v>
      </c>
      <c r="B502">
        <v>167918</v>
      </c>
      <c r="C502" s="1">
        <v>43017</v>
      </c>
      <c r="D502">
        <v>80</v>
      </c>
      <c r="E502">
        <v>61</v>
      </c>
      <c r="F502" t="s">
        <v>153</v>
      </c>
      <c r="G502">
        <v>3</v>
      </c>
      <c r="H502">
        <v>400</v>
      </c>
      <c r="I502">
        <v>1</v>
      </c>
      <c r="J502">
        <v>0</v>
      </c>
      <c r="K502">
        <v>743699</v>
      </c>
      <c r="L502">
        <v>743700</v>
      </c>
      <c r="M502">
        <v>29</v>
      </c>
      <c r="N502" t="s">
        <v>97</v>
      </c>
      <c r="O502" s="1">
        <v>43017.861111111109</v>
      </c>
      <c r="P502" s="1">
        <v>43017.861805555556</v>
      </c>
    </row>
    <row r="503" spans="1:16" x14ac:dyDescent="0.4">
      <c r="A503">
        <v>3669</v>
      </c>
      <c r="B503">
        <v>168460</v>
      </c>
      <c r="C503" s="1">
        <v>43025</v>
      </c>
      <c r="D503">
        <v>165</v>
      </c>
      <c r="E503">
        <v>323</v>
      </c>
      <c r="F503" t="s">
        <v>28</v>
      </c>
      <c r="G503">
        <v>13</v>
      </c>
      <c r="H503">
        <v>450</v>
      </c>
      <c r="I503">
        <v>1</v>
      </c>
      <c r="J503">
        <v>0</v>
      </c>
      <c r="K503">
        <v>746093</v>
      </c>
      <c r="L503">
        <v>746094</v>
      </c>
      <c r="M503">
        <v>29</v>
      </c>
      <c r="N503" t="s">
        <v>97</v>
      </c>
      <c r="O503" s="1">
        <v>43026.09097222222</v>
      </c>
      <c r="P503" s="1">
        <v>43026.09097222222</v>
      </c>
    </row>
    <row r="504" spans="1:16" x14ac:dyDescent="0.4">
      <c r="A504">
        <v>4036</v>
      </c>
      <c r="B504">
        <v>207355</v>
      </c>
      <c r="C504" s="1">
        <v>43597</v>
      </c>
      <c r="D504">
        <v>100</v>
      </c>
      <c r="E504">
        <v>24</v>
      </c>
      <c r="F504" t="s">
        <v>154</v>
      </c>
      <c r="G504">
        <v>3</v>
      </c>
      <c r="H504">
        <v>480</v>
      </c>
      <c r="I504">
        <v>2</v>
      </c>
      <c r="J504">
        <v>0</v>
      </c>
      <c r="K504">
        <v>911608</v>
      </c>
      <c r="L504">
        <v>911609</v>
      </c>
      <c r="M504">
        <v>98</v>
      </c>
      <c r="N504" t="s">
        <v>155</v>
      </c>
      <c r="O504" s="1">
        <v>43597.852777777778</v>
      </c>
      <c r="P504" s="1">
        <v>43597.853472222225</v>
      </c>
    </row>
    <row r="505" spans="1:16" x14ac:dyDescent="0.4">
      <c r="A505">
        <v>4037</v>
      </c>
      <c r="B505">
        <v>207536</v>
      </c>
      <c r="C505" s="1">
        <v>43601</v>
      </c>
      <c r="D505">
        <v>149</v>
      </c>
      <c r="E505">
        <v>121</v>
      </c>
      <c r="F505" t="s">
        <v>52</v>
      </c>
      <c r="G505">
        <v>1</v>
      </c>
      <c r="H505">
        <v>450</v>
      </c>
      <c r="I505">
        <v>1</v>
      </c>
      <c r="J505">
        <v>0</v>
      </c>
      <c r="K505">
        <v>912268</v>
      </c>
      <c r="L505">
        <v>912269</v>
      </c>
      <c r="M505">
        <v>108</v>
      </c>
      <c r="N505" t="s">
        <v>40</v>
      </c>
      <c r="O505" s="1">
        <v>43602.154861111114</v>
      </c>
      <c r="P505" s="1">
        <v>43602.15902777778</v>
      </c>
    </row>
    <row r="506" spans="1:16" x14ac:dyDescent="0.4">
      <c r="A506">
        <v>4038</v>
      </c>
      <c r="B506">
        <v>207583</v>
      </c>
      <c r="C506" s="1">
        <v>43602</v>
      </c>
      <c r="D506">
        <v>295</v>
      </c>
      <c r="E506">
        <v>549</v>
      </c>
      <c r="F506" t="s">
        <v>53</v>
      </c>
      <c r="G506">
        <v>2</v>
      </c>
      <c r="H506">
        <v>500</v>
      </c>
      <c r="I506">
        <v>1</v>
      </c>
      <c r="J506">
        <v>0</v>
      </c>
      <c r="K506">
        <v>912536</v>
      </c>
      <c r="L506">
        <v>912537</v>
      </c>
      <c r="M506">
        <v>108</v>
      </c>
      <c r="N506" t="s">
        <v>40</v>
      </c>
      <c r="O506" s="1">
        <v>43602.978472222225</v>
      </c>
      <c r="P506" s="1">
        <v>43602.981944444444</v>
      </c>
    </row>
    <row r="507" spans="1:16" x14ac:dyDescent="0.4">
      <c r="A507">
        <v>4039</v>
      </c>
      <c r="B507">
        <v>207583</v>
      </c>
      <c r="C507" s="1">
        <v>43602</v>
      </c>
      <c r="D507">
        <v>173</v>
      </c>
      <c r="E507">
        <v>108</v>
      </c>
      <c r="F507" t="s">
        <v>156</v>
      </c>
      <c r="G507">
        <v>2</v>
      </c>
      <c r="H507">
        <v>320</v>
      </c>
      <c r="I507">
        <v>1</v>
      </c>
      <c r="J507">
        <v>0</v>
      </c>
      <c r="K507">
        <v>912538</v>
      </c>
      <c r="L507">
        <v>912539</v>
      </c>
      <c r="M507">
        <v>108</v>
      </c>
      <c r="N507" t="s">
        <v>40</v>
      </c>
      <c r="O507" s="1">
        <v>43602.978472222225</v>
      </c>
      <c r="P507" s="1">
        <v>43602.981944444444</v>
      </c>
    </row>
    <row r="508" spans="1:16" x14ac:dyDescent="0.4">
      <c r="A508">
        <v>4040</v>
      </c>
      <c r="B508">
        <v>207583</v>
      </c>
      <c r="C508" s="1">
        <v>43602</v>
      </c>
      <c r="D508">
        <v>173</v>
      </c>
      <c r="E508">
        <v>108</v>
      </c>
      <c r="F508" t="s">
        <v>156</v>
      </c>
      <c r="G508">
        <v>2</v>
      </c>
      <c r="H508">
        <v>320</v>
      </c>
      <c r="I508">
        <v>1</v>
      </c>
      <c r="J508">
        <v>0</v>
      </c>
      <c r="K508">
        <v>912540</v>
      </c>
      <c r="L508">
        <v>912541</v>
      </c>
      <c r="M508">
        <v>108</v>
      </c>
      <c r="N508" t="s">
        <v>40</v>
      </c>
      <c r="O508" s="1">
        <v>43602.978472222225</v>
      </c>
      <c r="P508" s="1">
        <v>43602.982638888891</v>
      </c>
    </row>
    <row r="509" spans="1:16" x14ac:dyDescent="0.4">
      <c r="A509">
        <v>4041</v>
      </c>
      <c r="B509">
        <v>207897</v>
      </c>
      <c r="C509" s="1">
        <v>43606</v>
      </c>
      <c r="D509">
        <v>186</v>
      </c>
      <c r="E509">
        <v>225</v>
      </c>
      <c r="F509" t="s">
        <v>34</v>
      </c>
      <c r="G509">
        <v>3</v>
      </c>
      <c r="H509">
        <v>0</v>
      </c>
      <c r="I509">
        <v>1</v>
      </c>
      <c r="J509">
        <v>0</v>
      </c>
      <c r="K509">
        <v>913701</v>
      </c>
      <c r="L509">
        <v>913702</v>
      </c>
      <c r="M509">
        <v>94</v>
      </c>
      <c r="N509" t="s">
        <v>68</v>
      </c>
      <c r="O509" s="1">
        <v>43606.888194444444</v>
      </c>
      <c r="P509" s="1">
        <v>43606.965277777781</v>
      </c>
    </row>
    <row r="510" spans="1:16" x14ac:dyDescent="0.4">
      <c r="A510">
        <v>4042</v>
      </c>
      <c r="B510">
        <v>207897</v>
      </c>
      <c r="C510" s="1">
        <v>43606</v>
      </c>
      <c r="D510">
        <v>79</v>
      </c>
      <c r="E510">
        <v>60</v>
      </c>
      <c r="F510" t="s">
        <v>157</v>
      </c>
      <c r="G510">
        <v>3</v>
      </c>
      <c r="H510">
        <v>0</v>
      </c>
      <c r="I510">
        <v>1</v>
      </c>
      <c r="J510">
        <v>0</v>
      </c>
      <c r="K510">
        <v>913703</v>
      </c>
      <c r="L510">
        <v>913704</v>
      </c>
      <c r="M510">
        <v>94</v>
      </c>
      <c r="N510" t="s">
        <v>68</v>
      </c>
      <c r="O510" s="1">
        <v>43606.888194444444</v>
      </c>
      <c r="P510" s="1">
        <v>43606.965277777781</v>
      </c>
    </row>
    <row r="511" spans="1:16" x14ac:dyDescent="0.4">
      <c r="A511">
        <v>4043</v>
      </c>
      <c r="B511">
        <v>207897</v>
      </c>
      <c r="C511" s="1">
        <v>43606</v>
      </c>
      <c r="D511">
        <v>186</v>
      </c>
      <c r="E511">
        <v>225</v>
      </c>
      <c r="F511" t="s">
        <v>34</v>
      </c>
      <c r="G511">
        <v>3</v>
      </c>
      <c r="H511">
        <v>0</v>
      </c>
      <c r="I511">
        <v>1</v>
      </c>
      <c r="J511">
        <v>0</v>
      </c>
      <c r="K511">
        <v>913705</v>
      </c>
      <c r="L511">
        <v>913706</v>
      </c>
      <c r="M511">
        <v>94</v>
      </c>
      <c r="N511" t="s">
        <v>68</v>
      </c>
      <c r="O511" s="1">
        <v>43606.935416666667</v>
      </c>
      <c r="P511" s="1">
        <v>43606.965277777781</v>
      </c>
    </row>
    <row r="512" spans="1:16" x14ac:dyDescent="0.4">
      <c r="A512">
        <v>4044</v>
      </c>
      <c r="B512">
        <v>207897</v>
      </c>
      <c r="C512" s="1">
        <v>43606</v>
      </c>
      <c r="D512">
        <v>79</v>
      </c>
      <c r="E512">
        <v>60</v>
      </c>
      <c r="F512" t="s">
        <v>157</v>
      </c>
      <c r="G512">
        <v>3</v>
      </c>
      <c r="H512">
        <v>0</v>
      </c>
      <c r="I512">
        <v>1</v>
      </c>
      <c r="J512">
        <v>0</v>
      </c>
      <c r="K512">
        <v>913707</v>
      </c>
      <c r="L512">
        <v>913708</v>
      </c>
      <c r="M512">
        <v>94</v>
      </c>
      <c r="N512" t="s">
        <v>68</v>
      </c>
      <c r="O512" s="1">
        <v>43606.943055555559</v>
      </c>
      <c r="P512" s="1">
        <v>43606.965277777781</v>
      </c>
    </row>
    <row r="513" spans="1:16" x14ac:dyDescent="0.4">
      <c r="A513">
        <v>4045</v>
      </c>
      <c r="B513">
        <v>207902</v>
      </c>
      <c r="C513" s="1">
        <v>43606</v>
      </c>
      <c r="D513">
        <v>57</v>
      </c>
      <c r="E513">
        <v>30</v>
      </c>
      <c r="F513" t="s">
        <v>60</v>
      </c>
      <c r="G513">
        <v>7</v>
      </c>
      <c r="H513">
        <v>0</v>
      </c>
      <c r="I513">
        <v>1</v>
      </c>
      <c r="J513">
        <v>0</v>
      </c>
      <c r="K513">
        <v>913715</v>
      </c>
      <c r="L513">
        <v>913716</v>
      </c>
      <c r="M513">
        <v>94</v>
      </c>
      <c r="N513" t="s">
        <v>68</v>
      </c>
      <c r="O513" s="1">
        <v>43606.952777777777</v>
      </c>
      <c r="P513" s="1">
        <v>43606.995833333334</v>
      </c>
    </row>
    <row r="514" spans="1:16" x14ac:dyDescent="0.4">
      <c r="A514">
        <v>4046</v>
      </c>
      <c r="B514">
        <v>208052</v>
      </c>
      <c r="C514" s="1">
        <v>43609</v>
      </c>
      <c r="D514">
        <v>280</v>
      </c>
      <c r="E514">
        <v>1266</v>
      </c>
      <c r="F514" t="s">
        <v>13</v>
      </c>
      <c r="G514">
        <v>1</v>
      </c>
      <c r="H514">
        <v>680</v>
      </c>
      <c r="I514">
        <v>1</v>
      </c>
      <c r="J514">
        <v>0</v>
      </c>
      <c r="K514">
        <v>914207</v>
      </c>
      <c r="L514">
        <v>914208</v>
      </c>
      <c r="M514">
        <v>100</v>
      </c>
      <c r="N514" t="s">
        <v>1</v>
      </c>
      <c r="O514" s="1">
        <v>43609.779861111114</v>
      </c>
      <c r="P514" s="1">
        <v>43609.780555555553</v>
      </c>
    </row>
    <row r="515" spans="1:16" x14ac:dyDescent="0.4">
      <c r="A515">
        <v>4047</v>
      </c>
      <c r="B515">
        <v>208081</v>
      </c>
      <c r="C515" s="1">
        <v>43609</v>
      </c>
      <c r="D515">
        <v>69</v>
      </c>
      <c r="E515">
        <v>50</v>
      </c>
      <c r="F515" t="s">
        <v>18</v>
      </c>
      <c r="G515">
        <v>17</v>
      </c>
      <c r="H515">
        <v>480</v>
      </c>
      <c r="I515">
        <v>2</v>
      </c>
      <c r="J515">
        <v>0</v>
      </c>
      <c r="K515">
        <v>914407</v>
      </c>
      <c r="L515">
        <v>914408</v>
      </c>
      <c r="M515">
        <v>84</v>
      </c>
      <c r="N515" t="s">
        <v>79</v>
      </c>
      <c r="O515" s="1">
        <v>43610.065972222219</v>
      </c>
      <c r="P515" s="1">
        <v>43610.076388888891</v>
      </c>
    </row>
    <row r="516" spans="1:16" x14ac:dyDescent="0.4">
      <c r="A516">
        <v>4048</v>
      </c>
      <c r="B516">
        <v>208164</v>
      </c>
      <c r="C516" s="1">
        <v>43610</v>
      </c>
      <c r="D516">
        <v>219</v>
      </c>
      <c r="E516">
        <v>292</v>
      </c>
      <c r="F516" t="s">
        <v>138</v>
      </c>
      <c r="G516">
        <v>7</v>
      </c>
      <c r="H516">
        <v>380</v>
      </c>
      <c r="I516">
        <v>1</v>
      </c>
      <c r="J516">
        <v>0</v>
      </c>
      <c r="K516">
        <v>914702</v>
      </c>
      <c r="L516">
        <v>914703</v>
      </c>
      <c r="M516">
        <v>108</v>
      </c>
      <c r="N516" t="s">
        <v>40</v>
      </c>
      <c r="O516" s="1">
        <v>43610.88958333333</v>
      </c>
      <c r="P516" s="1">
        <v>43610.88958333333</v>
      </c>
    </row>
    <row r="517" spans="1:16" x14ac:dyDescent="0.4">
      <c r="A517">
        <v>4049</v>
      </c>
      <c r="B517">
        <v>208171</v>
      </c>
      <c r="C517" s="1">
        <v>43610</v>
      </c>
      <c r="D517">
        <v>158</v>
      </c>
      <c r="E517">
        <v>117</v>
      </c>
      <c r="F517" t="s">
        <v>20</v>
      </c>
      <c r="G517">
        <v>4</v>
      </c>
      <c r="H517">
        <v>500</v>
      </c>
      <c r="I517">
        <v>1</v>
      </c>
      <c r="J517">
        <v>0</v>
      </c>
      <c r="K517">
        <v>914776</v>
      </c>
      <c r="L517">
        <v>914777</v>
      </c>
      <c r="M517">
        <v>108</v>
      </c>
      <c r="N517" t="s">
        <v>40</v>
      </c>
      <c r="O517" s="1">
        <v>43610.948611111111</v>
      </c>
      <c r="P517" s="1">
        <v>43610.949305555558</v>
      </c>
    </row>
    <row r="518" spans="1:16" x14ac:dyDescent="0.4">
      <c r="A518">
        <v>4050</v>
      </c>
      <c r="B518">
        <v>208178</v>
      </c>
      <c r="C518" s="1">
        <v>43610</v>
      </c>
      <c r="D518">
        <v>125</v>
      </c>
      <c r="E518">
        <v>126</v>
      </c>
      <c r="F518" t="s">
        <v>8</v>
      </c>
      <c r="G518">
        <v>12</v>
      </c>
      <c r="H518">
        <v>380</v>
      </c>
      <c r="I518">
        <v>1</v>
      </c>
      <c r="J518">
        <v>0</v>
      </c>
      <c r="K518">
        <v>914836</v>
      </c>
      <c r="L518">
        <v>914837</v>
      </c>
      <c r="M518">
        <v>108</v>
      </c>
      <c r="N518" t="s">
        <v>40</v>
      </c>
      <c r="O518" s="1">
        <v>43611.004166666666</v>
      </c>
      <c r="P518" s="1">
        <v>43611.009027777778</v>
      </c>
    </row>
    <row r="519" spans="1:16" x14ac:dyDescent="0.4">
      <c r="A519">
        <v>4051</v>
      </c>
      <c r="B519">
        <v>208336</v>
      </c>
      <c r="C519" s="1">
        <v>43612</v>
      </c>
      <c r="D519">
        <v>213</v>
      </c>
      <c r="E519">
        <v>211</v>
      </c>
      <c r="F519" t="s">
        <v>46</v>
      </c>
      <c r="G519">
        <v>8</v>
      </c>
      <c r="H519">
        <v>0</v>
      </c>
      <c r="I519">
        <v>3</v>
      </c>
      <c r="J519">
        <v>2</v>
      </c>
      <c r="K519">
        <v>915403</v>
      </c>
      <c r="L519">
        <v>915404</v>
      </c>
      <c r="M519">
        <v>100</v>
      </c>
      <c r="N519" t="s">
        <v>1</v>
      </c>
      <c r="O519" s="1">
        <v>43613.097222222219</v>
      </c>
      <c r="P519" s="1">
        <v>43613.097222222219</v>
      </c>
    </row>
    <row r="520" spans="1:16" x14ac:dyDescent="0.4">
      <c r="A520">
        <v>4052</v>
      </c>
      <c r="B520">
        <v>208524</v>
      </c>
      <c r="C520" s="1">
        <v>43616</v>
      </c>
      <c r="D520">
        <v>295</v>
      </c>
      <c r="E520">
        <v>549</v>
      </c>
      <c r="F520" t="s">
        <v>53</v>
      </c>
      <c r="G520">
        <v>8</v>
      </c>
      <c r="H520">
        <v>500</v>
      </c>
      <c r="I520">
        <v>1</v>
      </c>
      <c r="J520">
        <v>0</v>
      </c>
      <c r="K520">
        <v>916168</v>
      </c>
      <c r="L520">
        <v>916169</v>
      </c>
      <c r="M520">
        <v>84</v>
      </c>
      <c r="N520" t="s">
        <v>79</v>
      </c>
      <c r="O520" s="1">
        <v>43617.156944444447</v>
      </c>
      <c r="P520" s="1">
        <v>43617.156944444447</v>
      </c>
    </row>
    <row r="521" spans="1:16" x14ac:dyDescent="0.4">
      <c r="A521">
        <v>4053</v>
      </c>
      <c r="B521">
        <v>208524</v>
      </c>
      <c r="C521" s="1">
        <v>43616</v>
      </c>
      <c r="D521">
        <v>295</v>
      </c>
      <c r="E521">
        <v>549</v>
      </c>
      <c r="F521" t="s">
        <v>53</v>
      </c>
      <c r="G521">
        <v>8</v>
      </c>
      <c r="H521">
        <v>500</v>
      </c>
      <c r="I521">
        <v>1</v>
      </c>
      <c r="J521">
        <v>0</v>
      </c>
      <c r="K521">
        <v>916170</v>
      </c>
      <c r="L521">
        <v>916171</v>
      </c>
      <c r="M521">
        <v>84</v>
      </c>
      <c r="N521" t="s">
        <v>79</v>
      </c>
      <c r="O521" s="1">
        <v>43617.156944444447</v>
      </c>
      <c r="P521" s="1">
        <v>43617.156944444447</v>
      </c>
    </row>
    <row r="522" spans="1:16" x14ac:dyDescent="0.4">
      <c r="A522">
        <v>4054</v>
      </c>
      <c r="B522">
        <v>208588</v>
      </c>
      <c r="C522" s="1">
        <v>43617</v>
      </c>
      <c r="D522">
        <v>57</v>
      </c>
      <c r="E522">
        <v>30</v>
      </c>
      <c r="F522" t="s">
        <v>60</v>
      </c>
      <c r="G522">
        <v>19</v>
      </c>
      <c r="H522">
        <v>320</v>
      </c>
      <c r="I522">
        <v>1</v>
      </c>
      <c r="J522">
        <v>0</v>
      </c>
      <c r="K522">
        <v>916429</v>
      </c>
      <c r="L522">
        <v>916430</v>
      </c>
      <c r="M522">
        <v>108</v>
      </c>
      <c r="N522" t="s">
        <v>40</v>
      </c>
      <c r="O522" s="1">
        <v>43617.90902777778</v>
      </c>
      <c r="P522" s="1">
        <v>43617.912499999999</v>
      </c>
    </row>
    <row r="523" spans="1:16" x14ac:dyDescent="0.4">
      <c r="A523">
        <v>4058</v>
      </c>
      <c r="B523">
        <v>209114</v>
      </c>
      <c r="C523" s="1">
        <v>43625</v>
      </c>
      <c r="D523">
        <v>154</v>
      </c>
      <c r="E523">
        <v>152</v>
      </c>
      <c r="F523" t="s">
        <v>130</v>
      </c>
      <c r="G523">
        <v>3</v>
      </c>
      <c r="H523">
        <v>450</v>
      </c>
      <c r="I523">
        <v>1</v>
      </c>
      <c r="J523">
        <v>0</v>
      </c>
      <c r="K523">
        <v>918511</v>
      </c>
      <c r="L523">
        <v>918512</v>
      </c>
      <c r="M523">
        <v>99</v>
      </c>
      <c r="N523" t="s">
        <v>43</v>
      </c>
      <c r="O523" s="1">
        <v>43626.01666666667</v>
      </c>
      <c r="P523" s="1">
        <v>43626.02847222222</v>
      </c>
    </row>
    <row r="524" spans="1:16" x14ac:dyDescent="0.4">
      <c r="A524">
        <v>4059</v>
      </c>
      <c r="B524">
        <v>209164</v>
      </c>
      <c r="C524" s="1">
        <v>43626</v>
      </c>
      <c r="D524">
        <v>142</v>
      </c>
      <c r="E524">
        <v>125</v>
      </c>
      <c r="F524" t="s">
        <v>31</v>
      </c>
      <c r="G524">
        <v>2</v>
      </c>
      <c r="H524">
        <v>350</v>
      </c>
      <c r="I524">
        <v>1</v>
      </c>
      <c r="J524">
        <v>0</v>
      </c>
      <c r="K524">
        <v>918673</v>
      </c>
      <c r="L524">
        <v>918674</v>
      </c>
      <c r="M524">
        <v>90</v>
      </c>
      <c r="N524" t="s">
        <v>158</v>
      </c>
      <c r="O524" s="1">
        <v>43626.832638888889</v>
      </c>
      <c r="P524" s="1">
        <v>43626.845138888886</v>
      </c>
    </row>
    <row r="525" spans="1:16" x14ac:dyDescent="0.4">
      <c r="A525">
        <v>4060</v>
      </c>
      <c r="B525">
        <v>209164</v>
      </c>
      <c r="C525" s="1">
        <v>43626</v>
      </c>
      <c r="D525">
        <v>125</v>
      </c>
      <c r="E525">
        <v>126</v>
      </c>
      <c r="F525" t="s">
        <v>159</v>
      </c>
      <c r="G525">
        <v>2</v>
      </c>
      <c r="H525">
        <v>380</v>
      </c>
      <c r="I525">
        <v>1</v>
      </c>
      <c r="J525">
        <v>0</v>
      </c>
      <c r="K525">
        <v>918675</v>
      </c>
      <c r="L525">
        <v>918676</v>
      </c>
      <c r="M525">
        <v>90</v>
      </c>
      <c r="N525" t="s">
        <v>158</v>
      </c>
      <c r="O525" s="1">
        <v>43626.832638888889</v>
      </c>
      <c r="P525" s="1">
        <v>43626.845138888886</v>
      </c>
    </row>
    <row r="526" spans="1:16" x14ac:dyDescent="0.4">
      <c r="A526">
        <v>4061</v>
      </c>
      <c r="B526">
        <v>209164</v>
      </c>
      <c r="C526" s="1">
        <v>43626</v>
      </c>
      <c r="D526">
        <v>75</v>
      </c>
      <c r="E526">
        <v>56</v>
      </c>
      <c r="F526" t="s">
        <v>49</v>
      </c>
      <c r="G526">
        <v>2</v>
      </c>
      <c r="H526">
        <v>0</v>
      </c>
      <c r="I526">
        <v>1</v>
      </c>
      <c r="J526">
        <v>0</v>
      </c>
      <c r="K526">
        <v>918710</v>
      </c>
      <c r="L526">
        <v>918711</v>
      </c>
      <c r="M526">
        <v>94</v>
      </c>
      <c r="N526" t="s">
        <v>68</v>
      </c>
      <c r="O526" s="1">
        <v>43626.821527777778</v>
      </c>
      <c r="P526" s="1">
        <v>43626.929166666669</v>
      </c>
    </row>
    <row r="527" spans="1:16" x14ac:dyDescent="0.4">
      <c r="A527">
        <v>4062</v>
      </c>
      <c r="B527">
        <v>209164</v>
      </c>
      <c r="C527" s="1">
        <v>43626</v>
      </c>
      <c r="D527">
        <v>213</v>
      </c>
      <c r="E527">
        <v>211</v>
      </c>
      <c r="F527" t="s">
        <v>46</v>
      </c>
      <c r="G527">
        <v>2</v>
      </c>
      <c r="H527">
        <v>0</v>
      </c>
      <c r="I527">
        <v>1</v>
      </c>
      <c r="J527">
        <v>0</v>
      </c>
      <c r="K527">
        <v>918712</v>
      </c>
      <c r="L527">
        <v>918713</v>
      </c>
      <c r="M527">
        <v>94</v>
      </c>
      <c r="N527" t="s">
        <v>68</v>
      </c>
      <c r="O527" s="1">
        <v>43626.821527777778</v>
      </c>
      <c r="P527" s="1">
        <v>43626.929861111108</v>
      </c>
    </row>
    <row r="528" spans="1:16" x14ac:dyDescent="0.4">
      <c r="A528">
        <v>4063</v>
      </c>
      <c r="B528">
        <v>209164</v>
      </c>
      <c r="C528" s="1">
        <v>43626</v>
      </c>
      <c r="D528">
        <v>75</v>
      </c>
      <c r="E528">
        <v>56</v>
      </c>
      <c r="F528" t="s">
        <v>49</v>
      </c>
      <c r="G528">
        <v>2</v>
      </c>
      <c r="H528">
        <v>0</v>
      </c>
      <c r="I528">
        <v>1</v>
      </c>
      <c r="J528">
        <v>0</v>
      </c>
      <c r="K528">
        <v>918714</v>
      </c>
      <c r="L528">
        <v>918715</v>
      </c>
      <c r="M528">
        <v>94</v>
      </c>
      <c r="N528" t="s">
        <v>68</v>
      </c>
      <c r="O528" s="1">
        <v>43626.82708333333</v>
      </c>
      <c r="P528" s="1">
        <v>43626.929861111108</v>
      </c>
    </row>
    <row r="529" spans="1:16" x14ac:dyDescent="0.4">
      <c r="A529">
        <v>4064</v>
      </c>
      <c r="B529">
        <v>209164</v>
      </c>
      <c r="C529" s="1">
        <v>43626</v>
      </c>
      <c r="D529">
        <v>88</v>
      </c>
      <c r="E529">
        <v>69</v>
      </c>
      <c r="F529" t="s">
        <v>55</v>
      </c>
      <c r="G529">
        <v>2</v>
      </c>
      <c r="H529">
        <v>0</v>
      </c>
      <c r="I529">
        <v>1</v>
      </c>
      <c r="J529">
        <v>0</v>
      </c>
      <c r="K529">
        <v>918716</v>
      </c>
      <c r="L529">
        <v>918717</v>
      </c>
      <c r="M529">
        <v>94</v>
      </c>
      <c r="N529" t="s">
        <v>68</v>
      </c>
      <c r="O529" s="1">
        <v>43626.82708333333</v>
      </c>
      <c r="P529" s="1">
        <v>43626.929861111108</v>
      </c>
    </row>
    <row r="530" spans="1:16" x14ac:dyDescent="0.4">
      <c r="A530">
        <v>4065</v>
      </c>
      <c r="B530">
        <v>209164</v>
      </c>
      <c r="C530" s="1">
        <v>43626</v>
      </c>
      <c r="D530">
        <v>71</v>
      </c>
      <c r="E530">
        <v>52</v>
      </c>
      <c r="F530" t="s">
        <v>23</v>
      </c>
      <c r="G530">
        <v>2</v>
      </c>
      <c r="H530">
        <v>0</v>
      </c>
      <c r="I530">
        <v>1</v>
      </c>
      <c r="J530">
        <v>0</v>
      </c>
      <c r="K530">
        <v>918718</v>
      </c>
      <c r="L530">
        <v>918719</v>
      </c>
      <c r="M530">
        <v>94</v>
      </c>
      <c r="N530" t="s">
        <v>68</v>
      </c>
      <c r="O530" s="1">
        <v>43626.837500000001</v>
      </c>
      <c r="P530" s="1">
        <v>43626.929861111108</v>
      </c>
    </row>
    <row r="531" spans="1:16" x14ac:dyDescent="0.4">
      <c r="A531">
        <v>4066</v>
      </c>
      <c r="B531">
        <v>209164</v>
      </c>
      <c r="C531" s="1">
        <v>43626</v>
      </c>
      <c r="D531">
        <v>88</v>
      </c>
      <c r="E531">
        <v>69</v>
      </c>
      <c r="F531" t="s">
        <v>55</v>
      </c>
      <c r="G531">
        <v>2</v>
      </c>
      <c r="H531">
        <v>0</v>
      </c>
      <c r="I531">
        <v>1</v>
      </c>
      <c r="J531">
        <v>0</v>
      </c>
      <c r="K531">
        <v>918720</v>
      </c>
      <c r="L531">
        <v>918721</v>
      </c>
      <c r="M531">
        <v>94</v>
      </c>
      <c r="N531" t="s">
        <v>68</v>
      </c>
      <c r="O531" s="1">
        <v>43626.853472222225</v>
      </c>
      <c r="P531" s="1">
        <v>43626.929861111108</v>
      </c>
    </row>
    <row r="532" spans="1:16" x14ac:dyDescent="0.4">
      <c r="A532">
        <v>4067</v>
      </c>
      <c r="B532">
        <v>209164</v>
      </c>
      <c r="C532" s="1">
        <v>43626</v>
      </c>
      <c r="D532">
        <v>93</v>
      </c>
      <c r="E532">
        <v>74</v>
      </c>
      <c r="F532" t="s">
        <v>134</v>
      </c>
      <c r="G532">
        <v>2</v>
      </c>
      <c r="H532">
        <v>0</v>
      </c>
      <c r="I532">
        <v>1</v>
      </c>
      <c r="J532">
        <v>0</v>
      </c>
      <c r="K532">
        <v>918722</v>
      </c>
      <c r="L532">
        <v>918723</v>
      </c>
      <c r="M532">
        <v>94</v>
      </c>
      <c r="N532" t="s">
        <v>68</v>
      </c>
      <c r="O532" s="1">
        <v>43626.853472222225</v>
      </c>
      <c r="P532" s="1">
        <v>43626.929861111108</v>
      </c>
    </row>
    <row r="533" spans="1:16" x14ac:dyDescent="0.4">
      <c r="A533">
        <v>4068</v>
      </c>
      <c r="B533">
        <v>209164</v>
      </c>
      <c r="C533" s="1">
        <v>43626</v>
      </c>
      <c r="D533">
        <v>90</v>
      </c>
      <c r="E533">
        <v>71</v>
      </c>
      <c r="F533" t="s">
        <v>91</v>
      </c>
      <c r="G533">
        <v>2</v>
      </c>
      <c r="H533">
        <v>0</v>
      </c>
      <c r="I533">
        <v>1</v>
      </c>
      <c r="J533">
        <v>0</v>
      </c>
      <c r="K533">
        <v>918724</v>
      </c>
      <c r="L533">
        <v>918725</v>
      </c>
      <c r="M533">
        <v>94</v>
      </c>
      <c r="N533" t="s">
        <v>68</v>
      </c>
      <c r="O533" s="1">
        <v>43626.884722222225</v>
      </c>
      <c r="P533" s="1">
        <v>43626.929861111108</v>
      </c>
    </row>
    <row r="534" spans="1:16" x14ac:dyDescent="0.4">
      <c r="A534">
        <v>4069</v>
      </c>
      <c r="B534">
        <v>209164</v>
      </c>
      <c r="C534" s="1">
        <v>43626</v>
      </c>
      <c r="D534">
        <v>89</v>
      </c>
      <c r="E534">
        <v>70</v>
      </c>
      <c r="F534" t="s">
        <v>10</v>
      </c>
      <c r="G534">
        <v>2</v>
      </c>
      <c r="H534">
        <v>0</v>
      </c>
      <c r="I534">
        <v>1</v>
      </c>
      <c r="J534">
        <v>0</v>
      </c>
      <c r="K534">
        <v>918726</v>
      </c>
      <c r="L534">
        <v>918727</v>
      </c>
      <c r="M534">
        <v>94</v>
      </c>
      <c r="N534" t="s">
        <v>68</v>
      </c>
      <c r="O534" s="1">
        <v>43626.898611111108</v>
      </c>
      <c r="P534" s="1">
        <v>43626.930555555555</v>
      </c>
    </row>
    <row r="535" spans="1:16" x14ac:dyDescent="0.4">
      <c r="A535">
        <v>4070</v>
      </c>
      <c r="B535">
        <v>209164</v>
      </c>
      <c r="C535" s="1">
        <v>43626</v>
      </c>
      <c r="D535">
        <v>80</v>
      </c>
      <c r="E535">
        <v>61</v>
      </c>
      <c r="F535" t="s">
        <v>153</v>
      </c>
      <c r="G535">
        <v>2</v>
      </c>
      <c r="H535">
        <v>0</v>
      </c>
      <c r="I535">
        <v>1</v>
      </c>
      <c r="J535">
        <v>0</v>
      </c>
      <c r="K535">
        <v>918728</v>
      </c>
      <c r="L535">
        <v>918729</v>
      </c>
      <c r="M535">
        <v>94</v>
      </c>
      <c r="N535" t="s">
        <v>68</v>
      </c>
      <c r="O535" s="1">
        <v>43626.898611111108</v>
      </c>
      <c r="P535" s="1">
        <v>43626.930555555555</v>
      </c>
    </row>
    <row r="536" spans="1:16" x14ac:dyDescent="0.4">
      <c r="A536">
        <v>4071</v>
      </c>
      <c r="B536">
        <v>209164</v>
      </c>
      <c r="C536" s="1">
        <v>43626</v>
      </c>
      <c r="D536">
        <v>84</v>
      </c>
      <c r="E536">
        <v>65</v>
      </c>
      <c r="F536" t="s">
        <v>71</v>
      </c>
      <c r="G536">
        <v>2</v>
      </c>
      <c r="H536">
        <v>0</v>
      </c>
      <c r="I536">
        <v>1</v>
      </c>
      <c r="J536">
        <v>0</v>
      </c>
      <c r="K536">
        <v>918730</v>
      </c>
      <c r="L536">
        <v>918731</v>
      </c>
      <c r="M536">
        <v>94</v>
      </c>
      <c r="N536" t="s">
        <v>68</v>
      </c>
      <c r="O536" s="1">
        <v>43626.916666666664</v>
      </c>
      <c r="P536" s="1">
        <v>43626.930555555555</v>
      </c>
    </row>
    <row r="537" spans="1:16" x14ac:dyDescent="0.4">
      <c r="A537">
        <v>4072</v>
      </c>
      <c r="B537">
        <v>209169</v>
      </c>
      <c r="C537" s="1">
        <v>43626</v>
      </c>
      <c r="D537">
        <v>213</v>
      </c>
      <c r="E537">
        <v>211</v>
      </c>
      <c r="F537" t="s">
        <v>46</v>
      </c>
      <c r="G537">
        <v>8</v>
      </c>
      <c r="H537">
        <v>0</v>
      </c>
      <c r="I537">
        <v>1</v>
      </c>
      <c r="J537">
        <v>0</v>
      </c>
      <c r="K537">
        <v>918750</v>
      </c>
      <c r="L537">
        <v>918751</v>
      </c>
      <c r="M537">
        <v>101</v>
      </c>
      <c r="N537" t="s">
        <v>97</v>
      </c>
      <c r="O537" s="1">
        <v>43626.953472222223</v>
      </c>
      <c r="P537" s="1">
        <v>43626.963194444441</v>
      </c>
    </row>
    <row r="538" spans="1:16" x14ac:dyDescent="0.4">
      <c r="A538">
        <v>4073</v>
      </c>
      <c r="B538">
        <v>209176</v>
      </c>
      <c r="C538" s="1">
        <v>43626</v>
      </c>
      <c r="D538">
        <v>213</v>
      </c>
      <c r="E538">
        <v>211</v>
      </c>
      <c r="F538" t="s">
        <v>46</v>
      </c>
      <c r="G538">
        <v>8</v>
      </c>
      <c r="H538">
        <v>0</v>
      </c>
      <c r="I538">
        <v>2</v>
      </c>
      <c r="J538">
        <v>0</v>
      </c>
      <c r="K538">
        <v>918792</v>
      </c>
      <c r="L538">
        <v>918793</v>
      </c>
      <c r="M538">
        <v>82</v>
      </c>
      <c r="N538" t="s">
        <v>160</v>
      </c>
      <c r="O538" s="1">
        <v>43627.216666666667</v>
      </c>
      <c r="P538" s="1">
        <v>43627.229166666664</v>
      </c>
    </row>
    <row r="539" spans="1:16" x14ac:dyDescent="0.4">
      <c r="A539">
        <v>4074</v>
      </c>
      <c r="B539">
        <v>209176</v>
      </c>
      <c r="C539" s="1">
        <v>43626</v>
      </c>
      <c r="D539">
        <v>213</v>
      </c>
      <c r="E539">
        <v>211</v>
      </c>
      <c r="F539" t="s">
        <v>46</v>
      </c>
      <c r="G539">
        <v>8</v>
      </c>
      <c r="H539">
        <v>0</v>
      </c>
      <c r="I539">
        <v>2</v>
      </c>
      <c r="J539">
        <v>0</v>
      </c>
      <c r="K539">
        <v>918794</v>
      </c>
      <c r="L539">
        <v>918795</v>
      </c>
      <c r="M539">
        <v>82</v>
      </c>
      <c r="N539" t="s">
        <v>160</v>
      </c>
      <c r="O539" s="1">
        <v>43627.109722222223</v>
      </c>
      <c r="P539" s="1">
        <v>43627.229166666664</v>
      </c>
    </row>
    <row r="540" spans="1:16" x14ac:dyDescent="0.4">
      <c r="A540">
        <v>4075</v>
      </c>
      <c r="B540">
        <v>209176</v>
      </c>
      <c r="C540" s="1">
        <v>43626</v>
      </c>
      <c r="D540">
        <v>213</v>
      </c>
      <c r="E540">
        <v>211</v>
      </c>
      <c r="F540" t="s">
        <v>46</v>
      </c>
      <c r="G540">
        <v>8</v>
      </c>
      <c r="H540">
        <v>0</v>
      </c>
      <c r="I540">
        <v>2</v>
      </c>
      <c r="J540">
        <v>0</v>
      </c>
      <c r="K540">
        <v>918796</v>
      </c>
      <c r="L540">
        <v>918797</v>
      </c>
      <c r="M540">
        <v>82</v>
      </c>
      <c r="N540" t="s">
        <v>160</v>
      </c>
      <c r="O540" s="1">
        <v>43627.081944444442</v>
      </c>
      <c r="P540" s="1">
        <v>43627.229861111111</v>
      </c>
    </row>
    <row r="541" spans="1:16" x14ac:dyDescent="0.4">
      <c r="A541">
        <v>3510</v>
      </c>
      <c r="B541">
        <v>159532</v>
      </c>
      <c r="C541" s="1">
        <v>42903</v>
      </c>
      <c r="D541">
        <v>57</v>
      </c>
      <c r="E541">
        <v>30</v>
      </c>
      <c r="F541" t="s">
        <v>60</v>
      </c>
      <c r="G541">
        <v>4</v>
      </c>
      <c r="H541">
        <v>320</v>
      </c>
      <c r="I541">
        <v>1</v>
      </c>
      <c r="J541">
        <v>0</v>
      </c>
      <c r="K541">
        <v>706249</v>
      </c>
      <c r="L541">
        <v>706250</v>
      </c>
      <c r="M541">
        <v>1</v>
      </c>
      <c r="N541" t="s">
        <v>45</v>
      </c>
      <c r="O541" s="1">
        <v>42904.070833333331</v>
      </c>
      <c r="P541" s="1">
        <v>42904.107638888891</v>
      </c>
    </row>
    <row r="542" spans="1:16" x14ac:dyDescent="0.4">
      <c r="A542">
        <v>3511</v>
      </c>
      <c r="B542">
        <v>159532</v>
      </c>
      <c r="C542" s="1">
        <v>42903</v>
      </c>
      <c r="D542">
        <v>61</v>
      </c>
      <c r="E542">
        <v>34</v>
      </c>
      <c r="F542" t="s">
        <v>115</v>
      </c>
      <c r="G542">
        <v>4</v>
      </c>
      <c r="H542">
        <v>320</v>
      </c>
      <c r="I542">
        <v>1</v>
      </c>
      <c r="J542">
        <v>0</v>
      </c>
      <c r="K542">
        <v>706251</v>
      </c>
      <c r="L542">
        <v>706252</v>
      </c>
      <c r="M542">
        <v>1</v>
      </c>
      <c r="N542" t="s">
        <v>45</v>
      </c>
      <c r="O542" s="1">
        <v>42904.070833333331</v>
      </c>
      <c r="P542" s="1">
        <v>42904.10833333333</v>
      </c>
    </row>
    <row r="543" spans="1:16" x14ac:dyDescent="0.4">
      <c r="A543">
        <v>3512</v>
      </c>
      <c r="B543">
        <v>159532</v>
      </c>
      <c r="C543" s="1">
        <v>42903</v>
      </c>
      <c r="D543">
        <v>57</v>
      </c>
      <c r="E543">
        <v>30</v>
      </c>
      <c r="F543" t="s">
        <v>60</v>
      </c>
      <c r="G543">
        <v>4</v>
      </c>
      <c r="H543">
        <v>320</v>
      </c>
      <c r="I543">
        <v>1</v>
      </c>
      <c r="J543">
        <v>0</v>
      </c>
      <c r="K543">
        <v>706253</v>
      </c>
      <c r="L543">
        <v>706254</v>
      </c>
      <c r="M543">
        <v>1</v>
      </c>
      <c r="N543" t="s">
        <v>45</v>
      </c>
      <c r="O543" s="1">
        <v>42904.084027777775</v>
      </c>
      <c r="P543" s="1">
        <v>42904.10833333333</v>
      </c>
    </row>
    <row r="544" spans="1:16" x14ac:dyDescent="0.4">
      <c r="A544">
        <v>3513</v>
      </c>
      <c r="B544">
        <v>159532</v>
      </c>
      <c r="C544" s="1">
        <v>42903</v>
      </c>
      <c r="D544">
        <v>57</v>
      </c>
      <c r="E544">
        <v>30</v>
      </c>
      <c r="F544" t="s">
        <v>60</v>
      </c>
      <c r="G544">
        <v>4</v>
      </c>
      <c r="H544">
        <v>320</v>
      </c>
      <c r="I544">
        <v>1</v>
      </c>
      <c r="J544">
        <v>0</v>
      </c>
      <c r="K544">
        <v>706255</v>
      </c>
      <c r="L544">
        <v>706256</v>
      </c>
      <c r="M544">
        <v>1</v>
      </c>
      <c r="N544" t="s">
        <v>45</v>
      </c>
      <c r="O544" s="1">
        <v>42904.098611111112</v>
      </c>
      <c r="P544" s="1">
        <v>42904.10833333333</v>
      </c>
    </row>
    <row r="545" spans="1:16" x14ac:dyDescent="0.4">
      <c r="A545">
        <v>3514</v>
      </c>
      <c r="B545">
        <v>159532</v>
      </c>
      <c r="C545" s="1">
        <v>42903</v>
      </c>
      <c r="D545">
        <v>57</v>
      </c>
      <c r="E545">
        <v>30</v>
      </c>
      <c r="F545" t="s">
        <v>60</v>
      </c>
      <c r="G545">
        <v>4</v>
      </c>
      <c r="H545">
        <v>320</v>
      </c>
      <c r="I545">
        <v>1</v>
      </c>
      <c r="J545">
        <v>0</v>
      </c>
      <c r="K545">
        <v>706257</v>
      </c>
      <c r="L545">
        <v>706258</v>
      </c>
      <c r="M545">
        <v>1</v>
      </c>
      <c r="N545" t="s">
        <v>45</v>
      </c>
      <c r="O545" s="1">
        <v>42904.107638888891</v>
      </c>
      <c r="P545" s="1">
        <v>42904.10833333333</v>
      </c>
    </row>
    <row r="546" spans="1:16" x14ac:dyDescent="0.4">
      <c r="A546">
        <v>3515</v>
      </c>
      <c r="B546">
        <v>159537</v>
      </c>
      <c r="C546" s="1">
        <v>42903</v>
      </c>
      <c r="D546">
        <v>146</v>
      </c>
      <c r="E546">
        <v>131</v>
      </c>
      <c r="F546" t="s">
        <v>41</v>
      </c>
      <c r="G546">
        <v>6</v>
      </c>
      <c r="H546">
        <v>450</v>
      </c>
      <c r="I546">
        <v>1</v>
      </c>
      <c r="J546">
        <v>0</v>
      </c>
      <c r="K546">
        <v>706319</v>
      </c>
      <c r="L546">
        <v>706320</v>
      </c>
      <c r="M546">
        <v>89</v>
      </c>
      <c r="N546" t="s">
        <v>44</v>
      </c>
      <c r="O546" s="1">
        <v>42904.205555555556</v>
      </c>
      <c r="P546" s="1">
        <v>42904.206250000003</v>
      </c>
    </row>
    <row r="547" spans="1:16" x14ac:dyDescent="0.4">
      <c r="A547">
        <v>3540</v>
      </c>
      <c r="B547">
        <v>161331</v>
      </c>
      <c r="C547" s="1">
        <v>42930</v>
      </c>
      <c r="D547">
        <v>13</v>
      </c>
      <c r="E547">
        <v>112</v>
      </c>
      <c r="F547" t="s">
        <v>62</v>
      </c>
      <c r="G547">
        <v>4</v>
      </c>
      <c r="H547">
        <v>500</v>
      </c>
      <c r="I547">
        <v>1</v>
      </c>
      <c r="J547">
        <v>0</v>
      </c>
      <c r="K547">
        <v>714311</v>
      </c>
      <c r="L547">
        <v>714312</v>
      </c>
      <c r="M547">
        <v>99</v>
      </c>
      <c r="N547" t="s">
        <v>43</v>
      </c>
      <c r="O547" s="1">
        <v>42931.201388888891</v>
      </c>
      <c r="P547" s="1">
        <v>42931.23333333333</v>
      </c>
    </row>
    <row r="548" spans="1:16" x14ac:dyDescent="0.4">
      <c r="A548">
        <v>3606</v>
      </c>
      <c r="B548">
        <v>163979</v>
      </c>
      <c r="C548" s="1">
        <v>42963</v>
      </c>
      <c r="D548">
        <v>60</v>
      </c>
      <c r="E548">
        <v>33</v>
      </c>
      <c r="F548" t="s">
        <v>86</v>
      </c>
      <c r="G548">
        <v>4</v>
      </c>
      <c r="H548">
        <v>320</v>
      </c>
      <c r="I548">
        <v>1</v>
      </c>
      <c r="J548">
        <v>0</v>
      </c>
      <c r="K548">
        <v>726275</v>
      </c>
      <c r="L548">
        <v>726276</v>
      </c>
      <c r="M548">
        <v>84</v>
      </c>
      <c r="N548" t="s">
        <v>79</v>
      </c>
      <c r="O548" s="1">
        <v>42963.818749999999</v>
      </c>
      <c r="P548" s="1">
        <v>42963.818749999999</v>
      </c>
    </row>
    <row r="549" spans="1:16" x14ac:dyDescent="0.4">
      <c r="A549">
        <v>3607</v>
      </c>
      <c r="B549">
        <v>163979</v>
      </c>
      <c r="C549" s="1">
        <v>42963</v>
      </c>
      <c r="D549">
        <v>63</v>
      </c>
      <c r="E549">
        <v>36</v>
      </c>
      <c r="F549" t="s">
        <v>161</v>
      </c>
      <c r="G549">
        <v>4</v>
      </c>
      <c r="H549">
        <v>320</v>
      </c>
      <c r="I549">
        <v>1</v>
      </c>
      <c r="J549">
        <v>0</v>
      </c>
      <c r="K549">
        <v>726277</v>
      </c>
      <c r="L549">
        <v>726278</v>
      </c>
      <c r="M549">
        <v>84</v>
      </c>
      <c r="N549" t="s">
        <v>79</v>
      </c>
      <c r="O549" s="1">
        <v>42963.818749999999</v>
      </c>
      <c r="P549" s="1">
        <v>42963.818749999999</v>
      </c>
    </row>
    <row r="550" spans="1:16" x14ac:dyDescent="0.4">
      <c r="A550">
        <v>3608</v>
      </c>
      <c r="B550">
        <v>164009</v>
      </c>
      <c r="C550" s="1">
        <v>42963</v>
      </c>
      <c r="D550">
        <v>157</v>
      </c>
      <c r="E550">
        <v>113</v>
      </c>
      <c r="F550" t="s">
        <v>59</v>
      </c>
      <c r="G550">
        <v>13</v>
      </c>
      <c r="H550">
        <v>550</v>
      </c>
      <c r="I550">
        <v>1</v>
      </c>
      <c r="J550">
        <v>0</v>
      </c>
      <c r="K550">
        <v>726465</v>
      </c>
      <c r="L550">
        <v>726466</v>
      </c>
      <c r="M550">
        <v>99</v>
      </c>
      <c r="N550" t="s">
        <v>43</v>
      </c>
      <c r="O550" s="1">
        <v>42964.087500000001</v>
      </c>
      <c r="P550" s="1">
        <v>42964.090277777781</v>
      </c>
    </row>
    <row r="551" spans="1:16" x14ac:dyDescent="0.4">
      <c r="A551">
        <v>3722</v>
      </c>
      <c r="B551">
        <v>172367</v>
      </c>
      <c r="C551" s="1">
        <v>43085</v>
      </c>
      <c r="D551">
        <v>97</v>
      </c>
      <c r="E551">
        <v>21</v>
      </c>
      <c r="F551" t="s">
        <v>6</v>
      </c>
      <c r="G551">
        <v>14</v>
      </c>
      <c r="H551">
        <v>420</v>
      </c>
      <c r="I551">
        <v>21</v>
      </c>
      <c r="J551">
        <v>2</v>
      </c>
      <c r="K551">
        <v>763477</v>
      </c>
      <c r="L551">
        <v>763478</v>
      </c>
      <c r="M551">
        <v>82</v>
      </c>
      <c r="N551" t="s">
        <v>87</v>
      </c>
      <c r="O551" s="1">
        <v>43085.947916666664</v>
      </c>
      <c r="P551" s="1">
        <v>43085.949305555558</v>
      </c>
    </row>
    <row r="552" spans="1:16" x14ac:dyDescent="0.4">
      <c r="A552">
        <v>3742</v>
      </c>
      <c r="B552">
        <v>173312</v>
      </c>
      <c r="C552" s="1">
        <v>43097</v>
      </c>
      <c r="D552">
        <v>213</v>
      </c>
      <c r="E552">
        <v>211</v>
      </c>
      <c r="F552" t="s">
        <v>46</v>
      </c>
      <c r="G552">
        <v>13</v>
      </c>
      <c r="H552">
        <v>0</v>
      </c>
      <c r="I552">
        <v>1</v>
      </c>
      <c r="J552">
        <v>0</v>
      </c>
      <c r="K552">
        <v>767737</v>
      </c>
      <c r="L552">
        <v>767738</v>
      </c>
      <c r="M552">
        <v>108</v>
      </c>
      <c r="N552" t="s">
        <v>40</v>
      </c>
      <c r="O552" s="1">
        <v>43098.020833333336</v>
      </c>
      <c r="P552" s="1">
        <v>43098.076388888891</v>
      </c>
    </row>
    <row r="553" spans="1:16" x14ac:dyDescent="0.4">
      <c r="A553">
        <v>3743</v>
      </c>
      <c r="B553">
        <v>173312</v>
      </c>
      <c r="C553" s="1">
        <v>43097</v>
      </c>
      <c r="D553">
        <v>213</v>
      </c>
      <c r="E553">
        <v>211</v>
      </c>
      <c r="F553" t="s">
        <v>46</v>
      </c>
      <c r="G553">
        <v>13</v>
      </c>
      <c r="H553">
        <v>0</v>
      </c>
      <c r="I553">
        <v>4</v>
      </c>
      <c r="J553">
        <v>0</v>
      </c>
      <c r="K553">
        <v>767739</v>
      </c>
      <c r="L553">
        <v>767740</v>
      </c>
      <c r="M553">
        <v>108</v>
      </c>
      <c r="N553" t="s">
        <v>40</v>
      </c>
      <c r="O553" s="1">
        <v>43098.027083333334</v>
      </c>
      <c r="P553" s="1">
        <v>43098.076388888891</v>
      </c>
    </row>
    <row r="554" spans="1:16" x14ac:dyDescent="0.4">
      <c r="A554">
        <v>4080</v>
      </c>
      <c r="B554">
        <v>209210</v>
      </c>
      <c r="C554" s="1">
        <v>43627</v>
      </c>
      <c r="D554">
        <v>186</v>
      </c>
      <c r="E554">
        <v>225</v>
      </c>
      <c r="F554" t="s">
        <v>34</v>
      </c>
      <c r="G554">
        <v>3</v>
      </c>
      <c r="H554">
        <v>0</v>
      </c>
      <c r="I554">
        <v>2</v>
      </c>
      <c r="J554">
        <v>0</v>
      </c>
      <c r="K554">
        <v>918935</v>
      </c>
      <c r="L554">
        <v>918936</v>
      </c>
      <c r="M554">
        <v>94</v>
      </c>
      <c r="N554" t="s">
        <v>68</v>
      </c>
      <c r="O554" s="1">
        <v>43627.861805555556</v>
      </c>
      <c r="P554" s="1">
        <v>43627.934027777781</v>
      </c>
    </row>
    <row r="555" spans="1:16" x14ac:dyDescent="0.4">
      <c r="A555">
        <v>4081</v>
      </c>
      <c r="B555">
        <v>209210</v>
      </c>
      <c r="C555" s="1">
        <v>43627</v>
      </c>
      <c r="D555">
        <v>186</v>
      </c>
      <c r="E555">
        <v>225</v>
      </c>
      <c r="F555" t="s">
        <v>34</v>
      </c>
      <c r="G555">
        <v>3</v>
      </c>
      <c r="H555">
        <v>0</v>
      </c>
      <c r="I555">
        <v>1</v>
      </c>
      <c r="J555">
        <v>0</v>
      </c>
      <c r="K555">
        <v>918937</v>
      </c>
      <c r="L555">
        <v>918938</v>
      </c>
      <c r="M555">
        <v>94</v>
      </c>
      <c r="N555" t="s">
        <v>68</v>
      </c>
      <c r="O555" s="1">
        <v>43627.884722222225</v>
      </c>
      <c r="P555" s="1">
        <v>43627.934027777781</v>
      </c>
    </row>
    <row r="556" spans="1:16" x14ac:dyDescent="0.4">
      <c r="A556">
        <v>4082</v>
      </c>
      <c r="B556">
        <v>209282</v>
      </c>
      <c r="C556" s="1">
        <v>43629</v>
      </c>
      <c r="D556">
        <v>280</v>
      </c>
      <c r="E556">
        <v>1266</v>
      </c>
      <c r="F556" t="s">
        <v>162</v>
      </c>
      <c r="G556">
        <v>13</v>
      </c>
      <c r="H556">
        <v>680</v>
      </c>
      <c r="I556">
        <v>1</v>
      </c>
      <c r="J556">
        <v>0</v>
      </c>
      <c r="K556">
        <v>919226</v>
      </c>
      <c r="L556">
        <v>919227</v>
      </c>
      <c r="M556">
        <v>93</v>
      </c>
      <c r="N556" t="s">
        <v>76</v>
      </c>
      <c r="O556" s="1">
        <v>43629.686111111114</v>
      </c>
      <c r="P556" s="1">
        <v>43629.76458333333</v>
      </c>
    </row>
    <row r="557" spans="1:16" x14ac:dyDescent="0.4">
      <c r="A557">
        <v>4083</v>
      </c>
      <c r="B557">
        <v>209330</v>
      </c>
      <c r="C557" s="1">
        <v>43630</v>
      </c>
      <c r="D557">
        <v>125</v>
      </c>
      <c r="E557">
        <v>126</v>
      </c>
      <c r="F557" t="s">
        <v>159</v>
      </c>
      <c r="G557">
        <v>5</v>
      </c>
      <c r="H557">
        <v>380</v>
      </c>
      <c r="I557">
        <v>1</v>
      </c>
      <c r="J557">
        <v>0</v>
      </c>
      <c r="K557">
        <v>919376</v>
      </c>
      <c r="L557">
        <v>919377</v>
      </c>
      <c r="M557">
        <v>96</v>
      </c>
      <c r="N557" t="s">
        <v>7</v>
      </c>
      <c r="O557" s="1">
        <v>43630.597222222219</v>
      </c>
      <c r="P557" s="1">
        <v>43630.615972222222</v>
      </c>
    </row>
    <row r="558" spans="1:16" x14ac:dyDescent="0.4">
      <c r="A558">
        <v>4084</v>
      </c>
      <c r="B558">
        <v>209375</v>
      </c>
      <c r="C558" s="1">
        <v>43630</v>
      </c>
      <c r="D558">
        <v>146</v>
      </c>
      <c r="E558">
        <v>131</v>
      </c>
      <c r="F558" t="s">
        <v>41</v>
      </c>
      <c r="G558">
        <v>10</v>
      </c>
      <c r="H558">
        <v>450</v>
      </c>
      <c r="I558">
        <v>1</v>
      </c>
      <c r="J558">
        <v>0</v>
      </c>
      <c r="K558">
        <v>919540</v>
      </c>
      <c r="L558">
        <v>919541</v>
      </c>
      <c r="M558">
        <v>100</v>
      </c>
      <c r="N558" t="s">
        <v>1</v>
      </c>
      <c r="O558" s="1">
        <v>43630.915277777778</v>
      </c>
      <c r="P558" s="1">
        <v>43630.924305555556</v>
      </c>
    </row>
    <row r="559" spans="1:16" x14ac:dyDescent="0.4">
      <c r="A559">
        <v>4088</v>
      </c>
      <c r="B559">
        <v>209466</v>
      </c>
      <c r="C559" s="1">
        <v>43631</v>
      </c>
      <c r="D559">
        <v>280</v>
      </c>
      <c r="E559">
        <v>1266</v>
      </c>
      <c r="F559" t="s">
        <v>162</v>
      </c>
      <c r="G559">
        <v>2</v>
      </c>
      <c r="H559">
        <v>680</v>
      </c>
      <c r="I559">
        <v>2</v>
      </c>
      <c r="J559">
        <v>0</v>
      </c>
      <c r="K559">
        <v>919966</v>
      </c>
      <c r="L559">
        <v>919967</v>
      </c>
      <c r="M559">
        <v>99</v>
      </c>
      <c r="N559" t="s">
        <v>43</v>
      </c>
      <c r="O559" s="1">
        <v>43631.914583333331</v>
      </c>
      <c r="P559" s="1">
        <v>43631.914583333331</v>
      </c>
    </row>
    <row r="560" spans="1:16" x14ac:dyDescent="0.4">
      <c r="A560">
        <v>4090</v>
      </c>
      <c r="B560">
        <v>209619</v>
      </c>
      <c r="C560" s="1">
        <v>43633</v>
      </c>
      <c r="D560">
        <v>125</v>
      </c>
      <c r="E560">
        <v>126</v>
      </c>
      <c r="F560" t="s">
        <v>159</v>
      </c>
      <c r="G560">
        <v>11</v>
      </c>
      <c r="H560">
        <v>380</v>
      </c>
      <c r="I560">
        <v>1</v>
      </c>
      <c r="J560">
        <v>0</v>
      </c>
      <c r="K560">
        <v>920467</v>
      </c>
      <c r="L560">
        <v>920468</v>
      </c>
      <c r="M560">
        <v>90</v>
      </c>
      <c r="N560" t="s">
        <v>158</v>
      </c>
      <c r="O560" s="1">
        <v>43633.84375</v>
      </c>
      <c r="P560" s="1">
        <v>43633.84375</v>
      </c>
    </row>
    <row r="561" spans="1:16" x14ac:dyDescent="0.4">
      <c r="A561">
        <v>4091</v>
      </c>
      <c r="B561">
        <v>209636</v>
      </c>
      <c r="C561" s="1">
        <v>43634</v>
      </c>
      <c r="D561">
        <v>125</v>
      </c>
      <c r="E561">
        <v>126</v>
      </c>
      <c r="F561" t="s">
        <v>159</v>
      </c>
      <c r="G561">
        <v>12</v>
      </c>
      <c r="H561">
        <v>380</v>
      </c>
      <c r="I561">
        <v>1</v>
      </c>
      <c r="J561">
        <v>0</v>
      </c>
      <c r="K561">
        <v>920533</v>
      </c>
      <c r="L561">
        <v>920534</v>
      </c>
      <c r="M561">
        <v>97</v>
      </c>
      <c r="N561" t="s">
        <v>163</v>
      </c>
      <c r="O561" s="1">
        <v>43634.513194444444</v>
      </c>
      <c r="P561" s="1">
        <v>43634.51666666667</v>
      </c>
    </row>
    <row r="562" spans="1:16" x14ac:dyDescent="0.4">
      <c r="A562">
        <v>4100</v>
      </c>
      <c r="B562">
        <v>209805</v>
      </c>
      <c r="C562" s="1">
        <v>43637</v>
      </c>
      <c r="D562">
        <v>121</v>
      </c>
      <c r="E562">
        <v>139</v>
      </c>
      <c r="F562" t="s">
        <v>164</v>
      </c>
      <c r="G562">
        <v>12</v>
      </c>
      <c r="H562">
        <v>280</v>
      </c>
      <c r="I562">
        <v>1</v>
      </c>
      <c r="J562">
        <v>0</v>
      </c>
      <c r="K562">
        <v>921151</v>
      </c>
      <c r="L562">
        <v>921152</v>
      </c>
      <c r="M562">
        <v>96</v>
      </c>
      <c r="N562" t="s">
        <v>7</v>
      </c>
      <c r="O562" s="1">
        <v>43637.688194444447</v>
      </c>
      <c r="P562" s="1">
        <v>43637.706250000003</v>
      </c>
    </row>
    <row r="563" spans="1:16" x14ac:dyDescent="0.4">
      <c r="A563">
        <v>4101</v>
      </c>
      <c r="B563">
        <v>210052</v>
      </c>
      <c r="C563" s="1">
        <v>43639</v>
      </c>
      <c r="D563">
        <v>147</v>
      </c>
      <c r="E563">
        <v>1131</v>
      </c>
      <c r="F563" t="s">
        <v>21</v>
      </c>
      <c r="G563">
        <v>4</v>
      </c>
      <c r="H563">
        <v>450</v>
      </c>
      <c r="I563">
        <v>1</v>
      </c>
      <c r="J563">
        <v>0</v>
      </c>
      <c r="K563">
        <v>922252</v>
      </c>
      <c r="L563">
        <v>922253</v>
      </c>
      <c r="M563">
        <v>108</v>
      </c>
      <c r="N563" t="s">
        <v>40</v>
      </c>
      <c r="O563" s="1">
        <v>43640.131944444445</v>
      </c>
      <c r="P563" s="1">
        <v>43640.132638888892</v>
      </c>
    </row>
    <row r="564" spans="1:16" x14ac:dyDescent="0.4">
      <c r="A564">
        <v>4102</v>
      </c>
      <c r="B564">
        <v>210095</v>
      </c>
      <c r="C564" s="1">
        <v>43640</v>
      </c>
      <c r="D564">
        <v>147</v>
      </c>
      <c r="E564">
        <v>1131</v>
      </c>
      <c r="F564" t="s">
        <v>21</v>
      </c>
      <c r="G564">
        <v>4</v>
      </c>
      <c r="H564">
        <v>450</v>
      </c>
      <c r="I564">
        <v>1</v>
      </c>
      <c r="J564">
        <v>0</v>
      </c>
      <c r="K564">
        <v>922426</v>
      </c>
      <c r="L564">
        <v>922427</v>
      </c>
      <c r="M564">
        <v>99</v>
      </c>
      <c r="N564" t="s">
        <v>43</v>
      </c>
      <c r="O564" s="1">
        <v>43640.868055555555</v>
      </c>
      <c r="P564" s="1">
        <v>43640.868750000001</v>
      </c>
    </row>
    <row r="565" spans="1:16" x14ac:dyDescent="0.4">
      <c r="A565">
        <v>4103</v>
      </c>
      <c r="B565">
        <v>210102</v>
      </c>
      <c r="C565" s="1">
        <v>43640</v>
      </c>
      <c r="D565">
        <v>295</v>
      </c>
      <c r="E565">
        <v>549</v>
      </c>
      <c r="F565" t="s">
        <v>53</v>
      </c>
      <c r="G565">
        <v>5</v>
      </c>
      <c r="H565">
        <v>500</v>
      </c>
      <c r="I565">
        <v>1</v>
      </c>
      <c r="J565">
        <v>0</v>
      </c>
      <c r="K565">
        <v>922439</v>
      </c>
      <c r="L565">
        <v>922440</v>
      </c>
      <c r="M565">
        <v>92</v>
      </c>
      <c r="O565" s="1">
        <v>43640.87777777778</v>
      </c>
      <c r="P565" s="1">
        <v>43640.879861111112</v>
      </c>
    </row>
    <row r="566" spans="1:16" x14ac:dyDescent="0.4">
      <c r="A566">
        <v>4104</v>
      </c>
      <c r="B566">
        <v>210104</v>
      </c>
      <c r="C566" s="1">
        <v>43640</v>
      </c>
      <c r="D566">
        <v>65</v>
      </c>
      <c r="E566">
        <v>38</v>
      </c>
      <c r="F566" t="s">
        <v>80</v>
      </c>
      <c r="G566">
        <v>6</v>
      </c>
      <c r="H566">
        <v>0</v>
      </c>
      <c r="I566">
        <v>2</v>
      </c>
      <c r="J566">
        <v>0</v>
      </c>
      <c r="K566">
        <v>922471</v>
      </c>
      <c r="L566">
        <v>922472</v>
      </c>
      <c r="M566">
        <v>70</v>
      </c>
      <c r="N566" t="s">
        <v>165</v>
      </c>
      <c r="O566" s="1">
        <v>43640.87777777778</v>
      </c>
      <c r="P566" s="1">
        <v>43640.94027777778</v>
      </c>
    </row>
    <row r="567" spans="1:16" x14ac:dyDescent="0.4">
      <c r="A567">
        <v>4105</v>
      </c>
      <c r="B567">
        <v>210104</v>
      </c>
      <c r="C567" s="1">
        <v>43640</v>
      </c>
      <c r="D567">
        <v>186</v>
      </c>
      <c r="E567">
        <v>225</v>
      </c>
      <c r="F567" t="s">
        <v>34</v>
      </c>
      <c r="G567">
        <v>6</v>
      </c>
      <c r="H567">
        <v>0</v>
      </c>
      <c r="I567">
        <v>1</v>
      </c>
      <c r="J567">
        <v>0</v>
      </c>
      <c r="K567">
        <v>922473</v>
      </c>
      <c r="L567">
        <v>922474</v>
      </c>
      <c r="M567">
        <v>70</v>
      </c>
      <c r="N567" t="s">
        <v>165</v>
      </c>
      <c r="O567" s="1">
        <v>43640.901388888888</v>
      </c>
      <c r="P567" s="1">
        <v>43640.94027777778</v>
      </c>
    </row>
    <row r="568" spans="1:16" x14ac:dyDescent="0.4">
      <c r="A568">
        <v>4106</v>
      </c>
      <c r="B568">
        <v>210112</v>
      </c>
      <c r="C568" s="1">
        <v>43640</v>
      </c>
      <c r="D568">
        <v>146</v>
      </c>
      <c r="E568">
        <v>131</v>
      </c>
      <c r="F568" t="s">
        <v>41</v>
      </c>
      <c r="G568">
        <v>3</v>
      </c>
      <c r="H568">
        <v>450</v>
      </c>
      <c r="I568">
        <v>1</v>
      </c>
      <c r="J568">
        <v>0</v>
      </c>
      <c r="K568">
        <v>922498</v>
      </c>
      <c r="L568">
        <v>922499</v>
      </c>
      <c r="M568">
        <v>101</v>
      </c>
      <c r="N568" t="s">
        <v>97</v>
      </c>
      <c r="O568" s="1">
        <v>43641.010416666664</v>
      </c>
      <c r="P568" s="1">
        <v>43641.011111111111</v>
      </c>
    </row>
    <row r="569" spans="1:16" x14ac:dyDescent="0.4">
      <c r="A569">
        <v>4107</v>
      </c>
      <c r="B569">
        <v>210112</v>
      </c>
      <c r="C569" s="1">
        <v>43640</v>
      </c>
      <c r="D569">
        <v>274</v>
      </c>
      <c r="E569">
        <v>46</v>
      </c>
      <c r="F569" t="s">
        <v>75</v>
      </c>
      <c r="G569">
        <v>3</v>
      </c>
      <c r="H569">
        <v>480</v>
      </c>
      <c r="I569">
        <v>1</v>
      </c>
      <c r="J569">
        <v>0</v>
      </c>
      <c r="K569">
        <v>922519</v>
      </c>
      <c r="L569">
        <v>922520</v>
      </c>
      <c r="M569">
        <v>70</v>
      </c>
      <c r="N569" t="s">
        <v>165</v>
      </c>
      <c r="O569" s="1">
        <v>43641.018750000003</v>
      </c>
      <c r="P569" s="1">
        <v>43641.21597222222</v>
      </c>
    </row>
    <row r="570" spans="1:16" x14ac:dyDescent="0.4">
      <c r="A570">
        <v>4108</v>
      </c>
      <c r="B570">
        <v>210174</v>
      </c>
      <c r="C570" s="1">
        <v>43641</v>
      </c>
      <c r="D570">
        <v>78</v>
      </c>
      <c r="E570">
        <v>57</v>
      </c>
      <c r="F570" t="s">
        <v>166</v>
      </c>
      <c r="G570">
        <v>4</v>
      </c>
      <c r="H570">
        <v>0</v>
      </c>
      <c r="I570">
        <v>1</v>
      </c>
      <c r="J570">
        <v>0</v>
      </c>
      <c r="K570">
        <v>922758</v>
      </c>
      <c r="L570">
        <v>922759</v>
      </c>
      <c r="M570">
        <v>70</v>
      </c>
      <c r="N570" t="s">
        <v>165</v>
      </c>
      <c r="O570" s="1">
        <v>43642.004166666666</v>
      </c>
      <c r="P570" s="1">
        <v>43642.245138888888</v>
      </c>
    </row>
    <row r="571" spans="1:16" x14ac:dyDescent="0.4">
      <c r="A571">
        <v>4109</v>
      </c>
      <c r="B571">
        <v>210174</v>
      </c>
      <c r="C571" s="1">
        <v>43641</v>
      </c>
      <c r="D571">
        <v>75</v>
      </c>
      <c r="E571">
        <v>56</v>
      </c>
      <c r="F571" t="s">
        <v>49</v>
      </c>
      <c r="G571">
        <v>4</v>
      </c>
      <c r="H571">
        <v>0</v>
      </c>
      <c r="I571">
        <v>1</v>
      </c>
      <c r="J571">
        <v>0</v>
      </c>
      <c r="K571">
        <v>922760</v>
      </c>
      <c r="L571">
        <v>922761</v>
      </c>
      <c r="M571">
        <v>70</v>
      </c>
      <c r="N571" t="s">
        <v>165</v>
      </c>
      <c r="O571" s="1">
        <v>43642.004166666666</v>
      </c>
      <c r="P571" s="1">
        <v>43642.245138888888</v>
      </c>
    </row>
    <row r="572" spans="1:16" x14ac:dyDescent="0.4">
      <c r="A572">
        <v>4110</v>
      </c>
      <c r="B572">
        <v>210174</v>
      </c>
      <c r="C572" s="1">
        <v>43641</v>
      </c>
      <c r="D572">
        <v>89</v>
      </c>
      <c r="E572">
        <v>70</v>
      </c>
      <c r="F572" t="s">
        <v>10</v>
      </c>
      <c r="G572">
        <v>4</v>
      </c>
      <c r="H572">
        <v>0</v>
      </c>
      <c r="I572">
        <v>2</v>
      </c>
      <c r="J572">
        <v>0</v>
      </c>
      <c r="K572">
        <v>922762</v>
      </c>
      <c r="L572">
        <v>922763</v>
      </c>
      <c r="M572">
        <v>70</v>
      </c>
      <c r="N572" t="s">
        <v>165</v>
      </c>
      <c r="O572" s="1">
        <v>43642.023611111108</v>
      </c>
      <c r="P572" s="1">
        <v>43642.245138888888</v>
      </c>
    </row>
    <row r="573" spans="1:16" x14ac:dyDescent="0.4">
      <c r="A573">
        <v>4111</v>
      </c>
      <c r="B573">
        <v>210174</v>
      </c>
      <c r="C573" s="1">
        <v>43641</v>
      </c>
      <c r="D573">
        <v>80</v>
      </c>
      <c r="E573">
        <v>61</v>
      </c>
      <c r="F573" t="s">
        <v>153</v>
      </c>
      <c r="G573">
        <v>4</v>
      </c>
      <c r="H573">
        <v>0</v>
      </c>
      <c r="I573">
        <v>1</v>
      </c>
      <c r="J573">
        <v>0</v>
      </c>
      <c r="K573">
        <v>922764</v>
      </c>
      <c r="L573">
        <v>922765</v>
      </c>
      <c r="M573">
        <v>70</v>
      </c>
      <c r="N573" t="s">
        <v>165</v>
      </c>
      <c r="O573" s="1">
        <v>43642.052777777775</v>
      </c>
      <c r="P573" s="1">
        <v>43642.245138888888</v>
      </c>
    </row>
    <row r="574" spans="1:16" x14ac:dyDescent="0.4">
      <c r="A574">
        <v>4112</v>
      </c>
      <c r="B574">
        <v>210174</v>
      </c>
      <c r="C574" s="1">
        <v>43641</v>
      </c>
      <c r="D574">
        <v>75</v>
      </c>
      <c r="E574">
        <v>56</v>
      </c>
      <c r="F574" t="s">
        <v>49</v>
      </c>
      <c r="G574">
        <v>4</v>
      </c>
      <c r="H574">
        <v>0</v>
      </c>
      <c r="I574">
        <v>1</v>
      </c>
      <c r="J574">
        <v>0</v>
      </c>
      <c r="K574">
        <v>922766</v>
      </c>
      <c r="L574">
        <v>922767</v>
      </c>
      <c r="M574">
        <v>70</v>
      </c>
      <c r="N574" t="s">
        <v>165</v>
      </c>
      <c r="O574" s="1">
        <v>43642.076388888891</v>
      </c>
      <c r="P574" s="1">
        <v>43642.245138888888</v>
      </c>
    </row>
    <row r="575" spans="1:16" x14ac:dyDescent="0.4">
      <c r="A575">
        <v>4113</v>
      </c>
      <c r="B575">
        <v>210174</v>
      </c>
      <c r="C575" s="1">
        <v>43641</v>
      </c>
      <c r="D575">
        <v>89</v>
      </c>
      <c r="E575">
        <v>70</v>
      </c>
      <c r="F575" t="s">
        <v>10</v>
      </c>
      <c r="G575">
        <v>4</v>
      </c>
      <c r="H575">
        <v>0</v>
      </c>
      <c r="I575">
        <v>1</v>
      </c>
      <c r="J575">
        <v>0</v>
      </c>
      <c r="K575">
        <v>922768</v>
      </c>
      <c r="L575">
        <v>922769</v>
      </c>
      <c r="M575">
        <v>70</v>
      </c>
      <c r="N575" t="s">
        <v>165</v>
      </c>
      <c r="O575" s="1">
        <v>43642.076388888891</v>
      </c>
      <c r="P575" s="1">
        <v>43642.245138888888</v>
      </c>
    </row>
    <row r="576" spans="1:16" x14ac:dyDescent="0.4">
      <c r="A576">
        <v>4114</v>
      </c>
      <c r="B576">
        <v>210174</v>
      </c>
      <c r="C576" s="1">
        <v>43641</v>
      </c>
      <c r="D576">
        <v>89</v>
      </c>
      <c r="E576">
        <v>70</v>
      </c>
      <c r="F576" t="s">
        <v>10</v>
      </c>
      <c r="G576">
        <v>4</v>
      </c>
      <c r="H576">
        <v>0</v>
      </c>
      <c r="I576">
        <v>1</v>
      </c>
      <c r="J576">
        <v>0</v>
      </c>
      <c r="K576">
        <v>922770</v>
      </c>
      <c r="L576">
        <v>922771</v>
      </c>
      <c r="M576">
        <v>70</v>
      </c>
      <c r="N576" t="s">
        <v>165</v>
      </c>
      <c r="O576" s="1">
        <v>43642.079861111109</v>
      </c>
      <c r="P576" s="1">
        <v>43642.245833333334</v>
      </c>
    </row>
    <row r="577" spans="1:16" x14ac:dyDescent="0.4">
      <c r="A577">
        <v>4115</v>
      </c>
      <c r="B577">
        <v>210367</v>
      </c>
      <c r="C577" s="1">
        <v>43645</v>
      </c>
      <c r="D577">
        <v>125</v>
      </c>
      <c r="E577">
        <v>126</v>
      </c>
      <c r="F577" t="s">
        <v>159</v>
      </c>
      <c r="G577">
        <v>1</v>
      </c>
      <c r="H577">
        <v>380</v>
      </c>
      <c r="I577">
        <v>1</v>
      </c>
      <c r="J577">
        <v>0</v>
      </c>
      <c r="K577">
        <v>923611</v>
      </c>
      <c r="L577">
        <v>923612</v>
      </c>
      <c r="M577">
        <v>93</v>
      </c>
      <c r="N577" t="s">
        <v>76</v>
      </c>
      <c r="O577" s="1">
        <v>43645.531944444447</v>
      </c>
      <c r="P577" s="1">
        <v>43645.652083333334</v>
      </c>
    </row>
    <row r="578" spans="1:16" x14ac:dyDescent="0.4">
      <c r="A578">
        <v>4117</v>
      </c>
      <c r="B578">
        <v>210621</v>
      </c>
      <c r="C578" s="1">
        <v>43648</v>
      </c>
      <c r="D578">
        <v>290</v>
      </c>
      <c r="E578">
        <v>1260</v>
      </c>
      <c r="F578" t="s">
        <v>167</v>
      </c>
      <c r="G578">
        <v>10</v>
      </c>
      <c r="H578">
        <v>500</v>
      </c>
      <c r="I578">
        <v>1</v>
      </c>
      <c r="J578">
        <v>0</v>
      </c>
      <c r="K578">
        <v>924589</v>
      </c>
      <c r="L578">
        <v>924590</v>
      </c>
      <c r="M578">
        <v>94</v>
      </c>
      <c r="N578" t="s">
        <v>68</v>
      </c>
      <c r="O578" s="1">
        <v>43648.753472222219</v>
      </c>
      <c r="P578" s="1">
        <v>43648.870833333334</v>
      </c>
    </row>
    <row r="579" spans="1:16" x14ac:dyDescent="0.4">
      <c r="A579">
        <v>4118</v>
      </c>
      <c r="B579">
        <v>210624</v>
      </c>
      <c r="C579" s="1">
        <v>43648</v>
      </c>
      <c r="D579">
        <v>97</v>
      </c>
      <c r="E579">
        <v>21</v>
      </c>
      <c r="F579" t="s">
        <v>117</v>
      </c>
      <c r="G579">
        <v>3</v>
      </c>
      <c r="H579">
        <v>420</v>
      </c>
      <c r="I579">
        <v>1</v>
      </c>
      <c r="J579">
        <v>0</v>
      </c>
      <c r="K579">
        <v>924596</v>
      </c>
      <c r="L579">
        <v>924597</v>
      </c>
      <c r="M579">
        <v>94</v>
      </c>
      <c r="N579" t="s">
        <v>68</v>
      </c>
      <c r="O579" s="1">
        <v>43648.824305555558</v>
      </c>
      <c r="P579" s="1">
        <v>43648.892361111109</v>
      </c>
    </row>
    <row r="580" spans="1:16" x14ac:dyDescent="0.4">
      <c r="A580">
        <v>4119</v>
      </c>
      <c r="B580">
        <v>210633</v>
      </c>
      <c r="C580" s="1">
        <v>43648</v>
      </c>
      <c r="D580">
        <v>213</v>
      </c>
      <c r="E580">
        <v>211</v>
      </c>
      <c r="F580" t="s">
        <v>46</v>
      </c>
      <c r="G580">
        <v>1</v>
      </c>
      <c r="H580">
        <v>0</v>
      </c>
      <c r="I580">
        <v>2</v>
      </c>
      <c r="J580">
        <v>0</v>
      </c>
      <c r="K580">
        <v>924662</v>
      </c>
      <c r="L580">
        <v>924663</v>
      </c>
      <c r="M580">
        <v>94</v>
      </c>
      <c r="N580" t="s">
        <v>68</v>
      </c>
      <c r="O580" s="1">
        <v>43649.019444444442</v>
      </c>
      <c r="P580" s="1">
        <v>43649.246527777781</v>
      </c>
    </row>
    <row r="581" spans="1:16" x14ac:dyDescent="0.4">
      <c r="A581">
        <v>4120</v>
      </c>
      <c r="B581">
        <v>210633</v>
      </c>
      <c r="C581" s="1">
        <v>43648</v>
      </c>
      <c r="D581">
        <v>213</v>
      </c>
      <c r="E581">
        <v>211</v>
      </c>
      <c r="F581" t="s">
        <v>46</v>
      </c>
      <c r="G581">
        <v>1</v>
      </c>
      <c r="H581">
        <v>0</v>
      </c>
      <c r="I581">
        <v>2</v>
      </c>
      <c r="J581">
        <v>0</v>
      </c>
      <c r="K581">
        <v>924664</v>
      </c>
      <c r="L581">
        <v>924665</v>
      </c>
      <c r="M581">
        <v>94</v>
      </c>
      <c r="N581" t="s">
        <v>68</v>
      </c>
      <c r="O581" s="1">
        <v>43649.041666666664</v>
      </c>
      <c r="P581" s="1">
        <v>43649.246527777781</v>
      </c>
    </row>
    <row r="582" spans="1:16" x14ac:dyDescent="0.4">
      <c r="A582">
        <v>4121</v>
      </c>
      <c r="B582">
        <v>210633</v>
      </c>
      <c r="C582" s="1">
        <v>43648</v>
      </c>
      <c r="D582">
        <v>213</v>
      </c>
      <c r="E582">
        <v>211</v>
      </c>
      <c r="F582" t="s">
        <v>46</v>
      </c>
      <c r="G582">
        <v>1</v>
      </c>
      <c r="H582">
        <v>0</v>
      </c>
      <c r="I582">
        <v>2</v>
      </c>
      <c r="J582">
        <v>0</v>
      </c>
      <c r="K582">
        <v>924666</v>
      </c>
      <c r="L582">
        <v>924667</v>
      </c>
      <c r="M582">
        <v>94</v>
      </c>
      <c r="N582" t="s">
        <v>68</v>
      </c>
      <c r="O582" s="1">
        <v>43649.077777777777</v>
      </c>
      <c r="P582" s="1">
        <v>43649.246527777781</v>
      </c>
    </row>
    <row r="583" spans="1:16" x14ac:dyDescent="0.4">
      <c r="A583">
        <v>4122</v>
      </c>
      <c r="B583">
        <v>210633</v>
      </c>
      <c r="C583" s="1">
        <v>43648</v>
      </c>
      <c r="D583">
        <v>213</v>
      </c>
      <c r="E583">
        <v>211</v>
      </c>
      <c r="F583" t="s">
        <v>46</v>
      </c>
      <c r="G583">
        <v>1</v>
      </c>
      <c r="H583">
        <v>0</v>
      </c>
      <c r="I583">
        <v>1</v>
      </c>
      <c r="J583">
        <v>0</v>
      </c>
      <c r="K583">
        <v>924668</v>
      </c>
      <c r="L583">
        <v>924669</v>
      </c>
      <c r="M583">
        <v>94</v>
      </c>
      <c r="N583" t="s">
        <v>68</v>
      </c>
      <c r="O583" s="1">
        <v>43649.09097222222</v>
      </c>
      <c r="P583" s="1">
        <v>43649.246527777781</v>
      </c>
    </row>
    <row r="584" spans="1:16" x14ac:dyDescent="0.4">
      <c r="A584">
        <v>4123</v>
      </c>
      <c r="B584">
        <v>210633</v>
      </c>
      <c r="C584" s="1">
        <v>43648</v>
      </c>
      <c r="D584">
        <v>213</v>
      </c>
      <c r="E584">
        <v>211</v>
      </c>
      <c r="F584" t="s">
        <v>46</v>
      </c>
      <c r="G584">
        <v>1</v>
      </c>
      <c r="H584">
        <v>0</v>
      </c>
      <c r="I584">
        <v>2</v>
      </c>
      <c r="J584">
        <v>0</v>
      </c>
      <c r="K584">
        <v>924670</v>
      </c>
      <c r="L584">
        <v>924671</v>
      </c>
      <c r="M584">
        <v>94</v>
      </c>
      <c r="N584" t="s">
        <v>68</v>
      </c>
      <c r="O584" s="1">
        <v>43649.093055555553</v>
      </c>
      <c r="P584" s="1">
        <v>43649.246527777781</v>
      </c>
    </row>
    <row r="585" spans="1:16" x14ac:dyDescent="0.4">
      <c r="A585">
        <v>4124</v>
      </c>
      <c r="B585">
        <v>210633</v>
      </c>
      <c r="C585" s="1">
        <v>43648</v>
      </c>
      <c r="D585">
        <v>213</v>
      </c>
      <c r="E585">
        <v>211</v>
      </c>
      <c r="F585" t="s">
        <v>46</v>
      </c>
      <c r="G585">
        <v>1</v>
      </c>
      <c r="H585">
        <v>0</v>
      </c>
      <c r="I585">
        <v>2</v>
      </c>
      <c r="J585">
        <v>0</v>
      </c>
      <c r="K585">
        <v>924672</v>
      </c>
      <c r="L585">
        <v>924673</v>
      </c>
      <c r="M585">
        <v>94</v>
      </c>
      <c r="N585" t="s">
        <v>68</v>
      </c>
      <c r="O585" s="1">
        <v>43649.098611111112</v>
      </c>
      <c r="P585" s="1">
        <v>43649.246527777781</v>
      </c>
    </row>
    <row r="586" spans="1:16" x14ac:dyDescent="0.4">
      <c r="A586">
        <v>4125</v>
      </c>
      <c r="B586">
        <v>210633</v>
      </c>
      <c r="C586" s="1">
        <v>43648</v>
      </c>
      <c r="D586">
        <v>213</v>
      </c>
      <c r="E586">
        <v>211</v>
      </c>
      <c r="F586" t="s">
        <v>46</v>
      </c>
      <c r="G586">
        <v>1</v>
      </c>
      <c r="H586">
        <v>0</v>
      </c>
      <c r="I586">
        <v>1</v>
      </c>
      <c r="J586">
        <v>0</v>
      </c>
      <c r="K586">
        <v>924674</v>
      </c>
      <c r="L586">
        <v>924675</v>
      </c>
      <c r="M586">
        <v>94</v>
      </c>
      <c r="N586" t="s">
        <v>68</v>
      </c>
      <c r="O586" s="1">
        <v>43649.113194444442</v>
      </c>
      <c r="P586" s="1">
        <v>43649.246527777781</v>
      </c>
    </row>
    <row r="587" spans="1:16" x14ac:dyDescent="0.4">
      <c r="A587">
        <v>4126</v>
      </c>
      <c r="B587">
        <v>210633</v>
      </c>
      <c r="C587" s="1">
        <v>43648</v>
      </c>
      <c r="D587">
        <v>213</v>
      </c>
      <c r="E587">
        <v>211</v>
      </c>
      <c r="F587" t="s">
        <v>46</v>
      </c>
      <c r="G587">
        <v>1</v>
      </c>
      <c r="H587">
        <v>0</v>
      </c>
      <c r="I587">
        <v>1</v>
      </c>
      <c r="J587">
        <v>0</v>
      </c>
      <c r="K587">
        <v>924676</v>
      </c>
      <c r="L587">
        <v>924677</v>
      </c>
      <c r="M587">
        <v>94</v>
      </c>
      <c r="N587" t="s">
        <v>68</v>
      </c>
      <c r="O587" s="1">
        <v>43649.113194444442</v>
      </c>
      <c r="P587" s="1">
        <v>43649.246527777781</v>
      </c>
    </row>
    <row r="588" spans="1:16" x14ac:dyDescent="0.4">
      <c r="A588">
        <v>4127</v>
      </c>
      <c r="B588">
        <v>210633</v>
      </c>
      <c r="C588" s="1">
        <v>43648</v>
      </c>
      <c r="D588">
        <v>213</v>
      </c>
      <c r="E588">
        <v>211</v>
      </c>
      <c r="F588" t="s">
        <v>46</v>
      </c>
      <c r="G588">
        <v>1</v>
      </c>
      <c r="H588">
        <v>0</v>
      </c>
      <c r="I588">
        <v>2</v>
      </c>
      <c r="J588">
        <v>0</v>
      </c>
      <c r="K588">
        <v>924678</v>
      </c>
      <c r="L588">
        <v>924679</v>
      </c>
      <c r="M588">
        <v>94</v>
      </c>
      <c r="N588" t="s">
        <v>68</v>
      </c>
      <c r="O588" s="1">
        <v>43649.124305555553</v>
      </c>
      <c r="P588" s="1">
        <v>43649.24722222222</v>
      </c>
    </row>
    <row r="589" spans="1:16" x14ac:dyDescent="0.4">
      <c r="A589">
        <v>4128</v>
      </c>
      <c r="B589">
        <v>210633</v>
      </c>
      <c r="C589" s="1">
        <v>43648</v>
      </c>
      <c r="D589">
        <v>213</v>
      </c>
      <c r="E589">
        <v>211</v>
      </c>
      <c r="F589" t="s">
        <v>46</v>
      </c>
      <c r="G589">
        <v>1</v>
      </c>
      <c r="H589">
        <v>0</v>
      </c>
      <c r="I589">
        <v>2</v>
      </c>
      <c r="J589">
        <v>0</v>
      </c>
      <c r="K589">
        <v>924680</v>
      </c>
      <c r="L589">
        <v>924681</v>
      </c>
      <c r="M589">
        <v>94</v>
      </c>
      <c r="N589" t="s">
        <v>68</v>
      </c>
      <c r="O589" s="1">
        <v>43649.134027777778</v>
      </c>
      <c r="P589" s="1">
        <v>43649.24722222222</v>
      </c>
    </row>
    <row r="590" spans="1:16" x14ac:dyDescent="0.4">
      <c r="A590">
        <v>3771</v>
      </c>
      <c r="B590">
        <v>175916</v>
      </c>
      <c r="C590" s="1">
        <v>43134</v>
      </c>
      <c r="D590">
        <v>71</v>
      </c>
      <c r="E590">
        <v>52</v>
      </c>
      <c r="F590" t="s">
        <v>23</v>
      </c>
      <c r="G590">
        <v>4</v>
      </c>
      <c r="H590">
        <v>400</v>
      </c>
      <c r="I590">
        <v>2</v>
      </c>
      <c r="J590">
        <v>0</v>
      </c>
      <c r="K590">
        <v>779584</v>
      </c>
      <c r="L590">
        <v>779585</v>
      </c>
      <c r="M590">
        <v>108</v>
      </c>
      <c r="N590" t="s">
        <v>40</v>
      </c>
      <c r="O590" s="1">
        <v>43134.981944444444</v>
      </c>
      <c r="P590" s="1">
        <v>43134.98333333333</v>
      </c>
    </row>
    <row r="591" spans="1:16" x14ac:dyDescent="0.4">
      <c r="A591">
        <v>3772</v>
      </c>
      <c r="B591">
        <v>175916</v>
      </c>
      <c r="C591" s="1">
        <v>43134</v>
      </c>
      <c r="D591">
        <v>187</v>
      </c>
      <c r="E591">
        <v>226</v>
      </c>
      <c r="F591" t="s">
        <v>114</v>
      </c>
      <c r="G591">
        <v>4</v>
      </c>
      <c r="H591">
        <v>280</v>
      </c>
      <c r="I591">
        <v>1</v>
      </c>
      <c r="J591">
        <v>0</v>
      </c>
      <c r="K591">
        <v>779586</v>
      </c>
      <c r="L591">
        <v>779587</v>
      </c>
      <c r="M591">
        <v>108</v>
      </c>
      <c r="N591" t="s">
        <v>40</v>
      </c>
      <c r="O591" s="1">
        <v>43134.981944444444</v>
      </c>
      <c r="P591" s="1">
        <v>43134.98333333333</v>
      </c>
    </row>
    <row r="592" spans="1:16" x14ac:dyDescent="0.4">
      <c r="A592">
        <v>3773</v>
      </c>
      <c r="B592">
        <v>175916</v>
      </c>
      <c r="C592" s="1">
        <v>43134</v>
      </c>
      <c r="D592">
        <v>274</v>
      </c>
      <c r="E592">
        <v>46</v>
      </c>
      <c r="F592" t="s">
        <v>75</v>
      </c>
      <c r="G592">
        <v>4</v>
      </c>
      <c r="H592">
        <v>480</v>
      </c>
      <c r="I592">
        <v>1</v>
      </c>
      <c r="J592">
        <v>0</v>
      </c>
      <c r="K592">
        <v>779588</v>
      </c>
      <c r="L592">
        <v>779589</v>
      </c>
      <c r="M592">
        <v>108</v>
      </c>
      <c r="N592" t="s">
        <v>40</v>
      </c>
      <c r="O592" s="1">
        <v>43134.981944444444</v>
      </c>
      <c r="P592" s="1">
        <v>43134.98333333333</v>
      </c>
    </row>
    <row r="593" spans="1:16" x14ac:dyDescent="0.4">
      <c r="A593">
        <v>3789</v>
      </c>
      <c r="B593">
        <v>177179</v>
      </c>
      <c r="C593" s="1">
        <v>43154</v>
      </c>
      <c r="D593">
        <v>9</v>
      </c>
      <c r="E593">
        <v>101</v>
      </c>
      <c r="F593" t="s">
        <v>54</v>
      </c>
      <c r="G593">
        <v>1</v>
      </c>
      <c r="H593">
        <v>420</v>
      </c>
      <c r="I593">
        <v>1</v>
      </c>
      <c r="J593">
        <v>0</v>
      </c>
      <c r="K593">
        <v>784919</v>
      </c>
      <c r="L593">
        <v>784920</v>
      </c>
      <c r="M593">
        <v>108</v>
      </c>
      <c r="N593" t="s">
        <v>40</v>
      </c>
      <c r="O593" s="1">
        <v>43154.892361111109</v>
      </c>
      <c r="P593" s="1">
        <v>43154.895138888889</v>
      </c>
    </row>
    <row r="594" spans="1:16" x14ac:dyDescent="0.4">
      <c r="A594">
        <v>3798</v>
      </c>
      <c r="B594">
        <v>178730</v>
      </c>
      <c r="C594" s="1">
        <v>43175</v>
      </c>
      <c r="D594">
        <v>76</v>
      </c>
      <c r="E594">
        <v>51</v>
      </c>
      <c r="F594" t="s">
        <v>33</v>
      </c>
      <c r="G594">
        <v>15</v>
      </c>
      <c r="H594">
        <v>400</v>
      </c>
      <c r="I594">
        <v>1</v>
      </c>
      <c r="J594">
        <v>0</v>
      </c>
      <c r="K594">
        <v>791617</v>
      </c>
      <c r="L594">
        <v>791618</v>
      </c>
      <c r="M594">
        <v>108</v>
      </c>
      <c r="N594" t="s">
        <v>40</v>
      </c>
      <c r="O594" s="1">
        <v>43175.944444444445</v>
      </c>
      <c r="P594" s="1">
        <v>43175.947916666664</v>
      </c>
    </row>
    <row r="595" spans="1:16" x14ac:dyDescent="0.4">
      <c r="A595">
        <v>3799</v>
      </c>
      <c r="B595">
        <v>178730</v>
      </c>
      <c r="C595" s="1">
        <v>43175</v>
      </c>
      <c r="D595">
        <v>57</v>
      </c>
      <c r="E595">
        <v>30</v>
      </c>
      <c r="F595" t="s">
        <v>60</v>
      </c>
      <c r="G595">
        <v>15</v>
      </c>
      <c r="H595">
        <v>320</v>
      </c>
      <c r="I595">
        <v>1</v>
      </c>
      <c r="J595">
        <v>0</v>
      </c>
      <c r="K595">
        <v>791619</v>
      </c>
      <c r="L595">
        <v>791620</v>
      </c>
      <c r="M595">
        <v>108</v>
      </c>
      <c r="N595" t="s">
        <v>40</v>
      </c>
      <c r="O595" s="1">
        <v>43175.944444444445</v>
      </c>
      <c r="P595" s="1">
        <v>43175.947916666664</v>
      </c>
    </row>
    <row r="596" spans="1:16" x14ac:dyDescent="0.4">
      <c r="A596">
        <v>3809</v>
      </c>
      <c r="B596">
        <v>179442</v>
      </c>
      <c r="C596" s="1">
        <v>43183</v>
      </c>
      <c r="D596">
        <v>295</v>
      </c>
      <c r="E596">
        <v>549</v>
      </c>
      <c r="F596" t="s">
        <v>53</v>
      </c>
      <c r="G596">
        <v>1</v>
      </c>
      <c r="H596">
        <v>500</v>
      </c>
      <c r="I596">
        <v>1</v>
      </c>
      <c r="J596">
        <v>0</v>
      </c>
      <c r="K596">
        <v>794922</v>
      </c>
      <c r="L596">
        <v>794923</v>
      </c>
      <c r="M596">
        <v>108</v>
      </c>
      <c r="N596" t="s">
        <v>40</v>
      </c>
      <c r="O596" s="1">
        <v>43184.114583333336</v>
      </c>
      <c r="P596" s="1">
        <v>43184.115972222222</v>
      </c>
    </row>
    <row r="597" spans="1:16" x14ac:dyDescent="0.4">
      <c r="A597">
        <v>4133</v>
      </c>
      <c r="B597">
        <v>210643</v>
      </c>
      <c r="C597" s="1">
        <v>43649</v>
      </c>
      <c r="D597">
        <v>125</v>
      </c>
      <c r="E597">
        <v>126</v>
      </c>
      <c r="F597" t="s">
        <v>159</v>
      </c>
      <c r="G597">
        <v>16</v>
      </c>
      <c r="H597">
        <v>380</v>
      </c>
      <c r="I597">
        <v>1</v>
      </c>
      <c r="J597">
        <v>0</v>
      </c>
      <c r="K597">
        <v>924738</v>
      </c>
      <c r="L597">
        <v>924739</v>
      </c>
      <c r="M597">
        <v>101</v>
      </c>
      <c r="N597" t="s">
        <v>97</v>
      </c>
      <c r="O597" s="1">
        <v>43649.584722222222</v>
      </c>
      <c r="P597" s="1">
        <v>43649.638194444444</v>
      </c>
    </row>
    <row r="598" spans="1:16" x14ac:dyDescent="0.4">
      <c r="A598">
        <v>4134</v>
      </c>
      <c r="B598">
        <v>210726</v>
      </c>
      <c r="C598" s="1">
        <v>43650</v>
      </c>
      <c r="D598">
        <v>180</v>
      </c>
      <c r="E598">
        <v>299</v>
      </c>
      <c r="F598" t="s">
        <v>111</v>
      </c>
      <c r="G598">
        <v>13</v>
      </c>
      <c r="H598">
        <v>380</v>
      </c>
      <c r="I598">
        <v>1</v>
      </c>
      <c r="J598">
        <v>0</v>
      </c>
      <c r="K598">
        <v>924991</v>
      </c>
      <c r="L598">
        <v>924992</v>
      </c>
      <c r="M598">
        <v>98</v>
      </c>
      <c r="N598" t="s">
        <v>155</v>
      </c>
      <c r="O598" s="1">
        <v>43650.859027777777</v>
      </c>
      <c r="P598" s="1">
        <v>43650.86041666667</v>
      </c>
    </row>
    <row r="599" spans="1:16" x14ac:dyDescent="0.4">
      <c r="A599">
        <v>4135</v>
      </c>
      <c r="B599">
        <v>211032</v>
      </c>
      <c r="C599" s="1">
        <v>43654</v>
      </c>
      <c r="D599">
        <v>187</v>
      </c>
      <c r="E599">
        <v>226</v>
      </c>
      <c r="F599" t="s">
        <v>114</v>
      </c>
      <c r="G599">
        <v>1</v>
      </c>
      <c r="H599">
        <v>350</v>
      </c>
      <c r="I599">
        <v>1</v>
      </c>
      <c r="J599">
        <v>0</v>
      </c>
      <c r="K599">
        <v>926307</v>
      </c>
      <c r="L599">
        <v>926308</v>
      </c>
      <c r="M599">
        <v>90</v>
      </c>
      <c r="N599" t="s">
        <v>158</v>
      </c>
      <c r="O599" s="1">
        <v>43654.864583333336</v>
      </c>
      <c r="P599" s="1">
        <v>43654.864583333336</v>
      </c>
    </row>
    <row r="600" spans="1:16" x14ac:dyDescent="0.4">
      <c r="A600">
        <v>4136</v>
      </c>
      <c r="B600">
        <v>211032</v>
      </c>
      <c r="C600" s="1">
        <v>43654</v>
      </c>
      <c r="D600">
        <v>143</v>
      </c>
      <c r="E600">
        <v>123</v>
      </c>
      <c r="F600" t="s">
        <v>168</v>
      </c>
      <c r="G600">
        <v>4</v>
      </c>
      <c r="H600">
        <v>350</v>
      </c>
      <c r="I600">
        <v>1</v>
      </c>
      <c r="J600">
        <v>0</v>
      </c>
      <c r="K600">
        <v>926324</v>
      </c>
      <c r="L600">
        <v>926325</v>
      </c>
      <c r="M600">
        <v>90</v>
      </c>
      <c r="N600" t="s">
        <v>158</v>
      </c>
      <c r="O600" s="1">
        <v>43654.93472222222</v>
      </c>
      <c r="P600" s="1">
        <v>43654.938194444447</v>
      </c>
    </row>
    <row r="601" spans="1:16" x14ac:dyDescent="0.4">
      <c r="A601">
        <v>4139</v>
      </c>
      <c r="B601">
        <v>211082</v>
      </c>
      <c r="C601" s="1">
        <v>43655</v>
      </c>
      <c r="D601">
        <v>213</v>
      </c>
      <c r="E601">
        <v>211</v>
      </c>
      <c r="F601" t="s">
        <v>46</v>
      </c>
      <c r="G601">
        <v>6</v>
      </c>
      <c r="H601">
        <v>0</v>
      </c>
      <c r="I601">
        <v>1</v>
      </c>
      <c r="J601">
        <v>0</v>
      </c>
      <c r="K601">
        <v>926520</v>
      </c>
      <c r="L601">
        <v>926521</v>
      </c>
      <c r="M601">
        <v>94</v>
      </c>
      <c r="N601" t="s">
        <v>68</v>
      </c>
      <c r="O601" s="1">
        <v>43655.759027777778</v>
      </c>
      <c r="P601" s="1">
        <v>43655.873611111114</v>
      </c>
    </row>
    <row r="602" spans="1:16" x14ac:dyDescent="0.4">
      <c r="A602">
        <v>4140</v>
      </c>
      <c r="B602">
        <v>211082</v>
      </c>
      <c r="C602" s="1">
        <v>43655</v>
      </c>
      <c r="D602">
        <v>213</v>
      </c>
      <c r="E602">
        <v>211</v>
      </c>
      <c r="F602" t="s">
        <v>46</v>
      </c>
      <c r="G602">
        <v>6</v>
      </c>
      <c r="H602">
        <v>0</v>
      </c>
      <c r="I602">
        <v>1</v>
      </c>
      <c r="J602">
        <v>0</v>
      </c>
      <c r="K602">
        <v>926522</v>
      </c>
      <c r="L602">
        <v>926523</v>
      </c>
      <c r="M602">
        <v>94</v>
      </c>
      <c r="N602" t="s">
        <v>68</v>
      </c>
      <c r="O602" s="1">
        <v>43655.770833333336</v>
      </c>
      <c r="P602" s="1">
        <v>43655.873611111114</v>
      </c>
    </row>
    <row r="603" spans="1:16" x14ac:dyDescent="0.4">
      <c r="A603">
        <v>4141</v>
      </c>
      <c r="B603">
        <v>211082</v>
      </c>
      <c r="C603" s="1">
        <v>43655</v>
      </c>
      <c r="D603">
        <v>213</v>
      </c>
      <c r="E603">
        <v>211</v>
      </c>
      <c r="F603" t="s">
        <v>46</v>
      </c>
      <c r="G603">
        <v>6</v>
      </c>
      <c r="H603">
        <v>0</v>
      </c>
      <c r="I603">
        <v>1</v>
      </c>
      <c r="J603">
        <v>0</v>
      </c>
      <c r="K603">
        <v>926524</v>
      </c>
      <c r="L603">
        <v>926525</v>
      </c>
      <c r="M603">
        <v>94</v>
      </c>
      <c r="N603" t="s">
        <v>68</v>
      </c>
      <c r="O603" s="1">
        <v>43655.790277777778</v>
      </c>
      <c r="P603" s="1">
        <v>43655.873611111114</v>
      </c>
    </row>
    <row r="604" spans="1:16" x14ac:dyDescent="0.4">
      <c r="A604">
        <v>4142</v>
      </c>
      <c r="B604">
        <v>211082</v>
      </c>
      <c r="C604" s="1">
        <v>43655</v>
      </c>
      <c r="D604">
        <v>86</v>
      </c>
      <c r="E604">
        <v>67</v>
      </c>
      <c r="F604" t="s">
        <v>93</v>
      </c>
      <c r="G604">
        <v>6</v>
      </c>
      <c r="H604">
        <v>0</v>
      </c>
      <c r="I604">
        <v>1</v>
      </c>
      <c r="J604">
        <v>0</v>
      </c>
      <c r="K604">
        <v>926526</v>
      </c>
      <c r="L604">
        <v>926527</v>
      </c>
      <c r="M604">
        <v>94</v>
      </c>
      <c r="N604" t="s">
        <v>68</v>
      </c>
      <c r="O604" s="1">
        <v>43655.809027777781</v>
      </c>
      <c r="P604" s="1">
        <v>43655.873611111114</v>
      </c>
    </row>
    <row r="605" spans="1:16" x14ac:dyDescent="0.4">
      <c r="A605">
        <v>4143</v>
      </c>
      <c r="B605">
        <v>211082</v>
      </c>
      <c r="C605" s="1">
        <v>43655</v>
      </c>
      <c r="D605">
        <v>213</v>
      </c>
      <c r="E605">
        <v>211</v>
      </c>
      <c r="F605" t="s">
        <v>46</v>
      </c>
      <c r="G605">
        <v>6</v>
      </c>
      <c r="H605">
        <v>0</v>
      </c>
      <c r="I605">
        <v>1</v>
      </c>
      <c r="J605">
        <v>0</v>
      </c>
      <c r="K605">
        <v>926528</v>
      </c>
      <c r="L605">
        <v>926529</v>
      </c>
      <c r="M605">
        <v>94</v>
      </c>
      <c r="N605" t="s">
        <v>68</v>
      </c>
      <c r="O605" s="1">
        <v>43655.828472222223</v>
      </c>
      <c r="P605" s="1">
        <v>43655.873611111114</v>
      </c>
    </row>
    <row r="606" spans="1:16" x14ac:dyDescent="0.4">
      <c r="A606">
        <v>4144</v>
      </c>
      <c r="B606">
        <v>211082</v>
      </c>
      <c r="C606" s="1">
        <v>43655</v>
      </c>
      <c r="D606">
        <v>213</v>
      </c>
      <c r="E606">
        <v>211</v>
      </c>
      <c r="F606" t="s">
        <v>46</v>
      </c>
      <c r="G606">
        <v>6</v>
      </c>
      <c r="H606">
        <v>0</v>
      </c>
      <c r="I606">
        <v>1</v>
      </c>
      <c r="J606">
        <v>0</v>
      </c>
      <c r="K606">
        <v>926530</v>
      </c>
      <c r="L606">
        <v>926531</v>
      </c>
      <c r="M606">
        <v>94</v>
      </c>
      <c r="N606" t="s">
        <v>68</v>
      </c>
      <c r="O606" s="1">
        <v>43655.855555555558</v>
      </c>
      <c r="P606" s="1">
        <v>43655.873611111114</v>
      </c>
    </row>
    <row r="607" spans="1:16" x14ac:dyDescent="0.4">
      <c r="A607">
        <v>4145</v>
      </c>
      <c r="B607">
        <v>211096</v>
      </c>
      <c r="C607" s="1">
        <v>43655</v>
      </c>
      <c r="D607">
        <v>71</v>
      </c>
      <c r="E607">
        <v>52</v>
      </c>
      <c r="F607" t="s">
        <v>23</v>
      </c>
      <c r="G607">
        <v>3</v>
      </c>
      <c r="H607">
        <v>0</v>
      </c>
      <c r="I607">
        <v>1</v>
      </c>
      <c r="J607">
        <v>0</v>
      </c>
      <c r="K607">
        <v>926576</v>
      </c>
      <c r="L607">
        <v>926577</v>
      </c>
      <c r="M607">
        <v>94</v>
      </c>
      <c r="N607" t="s">
        <v>68</v>
      </c>
      <c r="O607" s="1">
        <v>43656.01458333333</v>
      </c>
      <c r="P607" s="1">
        <v>43656.216666666667</v>
      </c>
    </row>
    <row r="608" spans="1:16" x14ac:dyDescent="0.4">
      <c r="A608">
        <v>4146</v>
      </c>
      <c r="B608">
        <v>211096</v>
      </c>
      <c r="C608" s="1">
        <v>43655</v>
      </c>
      <c r="D608">
        <v>75</v>
      </c>
      <c r="E608">
        <v>56</v>
      </c>
      <c r="F608" t="s">
        <v>49</v>
      </c>
      <c r="G608">
        <v>3</v>
      </c>
      <c r="H608">
        <v>0</v>
      </c>
      <c r="I608">
        <v>1</v>
      </c>
      <c r="J608">
        <v>0</v>
      </c>
      <c r="K608">
        <v>926578</v>
      </c>
      <c r="L608">
        <v>926579</v>
      </c>
      <c r="M608">
        <v>94</v>
      </c>
      <c r="N608" t="s">
        <v>68</v>
      </c>
      <c r="O608" s="1">
        <v>43656.01458333333</v>
      </c>
      <c r="P608" s="1">
        <v>43656.216666666667</v>
      </c>
    </row>
    <row r="609" spans="1:16" x14ac:dyDescent="0.4">
      <c r="A609">
        <v>4147</v>
      </c>
      <c r="B609">
        <v>211096</v>
      </c>
      <c r="C609" s="1">
        <v>43655</v>
      </c>
      <c r="D609">
        <v>78</v>
      </c>
      <c r="E609">
        <v>57</v>
      </c>
      <c r="F609" t="s">
        <v>166</v>
      </c>
      <c r="G609">
        <v>3</v>
      </c>
      <c r="H609">
        <v>0</v>
      </c>
      <c r="I609">
        <v>1</v>
      </c>
      <c r="J609">
        <v>0</v>
      </c>
      <c r="K609">
        <v>926580</v>
      </c>
      <c r="L609">
        <v>926581</v>
      </c>
      <c r="M609">
        <v>94</v>
      </c>
      <c r="N609" t="s">
        <v>68</v>
      </c>
      <c r="O609" s="1">
        <v>43656.041666666664</v>
      </c>
      <c r="P609" s="1">
        <v>43656.216666666667</v>
      </c>
    </row>
    <row r="610" spans="1:16" x14ac:dyDescent="0.4">
      <c r="A610">
        <v>4148</v>
      </c>
      <c r="B610">
        <v>211096</v>
      </c>
      <c r="C610" s="1">
        <v>43655</v>
      </c>
      <c r="D610">
        <v>72</v>
      </c>
      <c r="E610">
        <v>53</v>
      </c>
      <c r="F610" t="s">
        <v>77</v>
      </c>
      <c r="G610">
        <v>3</v>
      </c>
      <c r="H610">
        <v>0</v>
      </c>
      <c r="I610">
        <v>1</v>
      </c>
      <c r="J610">
        <v>0</v>
      </c>
      <c r="K610">
        <v>926582</v>
      </c>
      <c r="L610">
        <v>926583</v>
      </c>
      <c r="M610">
        <v>94</v>
      </c>
      <c r="N610" t="s">
        <v>68</v>
      </c>
      <c r="O610" s="1">
        <v>43656.041666666664</v>
      </c>
      <c r="P610" s="1">
        <v>43656.216666666667</v>
      </c>
    </row>
    <row r="611" spans="1:16" x14ac:dyDescent="0.4">
      <c r="A611">
        <v>4149</v>
      </c>
      <c r="B611">
        <v>211096</v>
      </c>
      <c r="C611" s="1">
        <v>43655</v>
      </c>
      <c r="D611">
        <v>76</v>
      </c>
      <c r="E611">
        <v>51</v>
      </c>
      <c r="F611" t="s">
        <v>33</v>
      </c>
      <c r="G611">
        <v>3</v>
      </c>
      <c r="H611">
        <v>0</v>
      </c>
      <c r="I611">
        <v>1</v>
      </c>
      <c r="J611">
        <v>0</v>
      </c>
      <c r="K611">
        <v>926584</v>
      </c>
      <c r="L611">
        <v>926585</v>
      </c>
      <c r="M611">
        <v>94</v>
      </c>
      <c r="N611" t="s">
        <v>68</v>
      </c>
      <c r="O611" s="1">
        <v>43656.093055555553</v>
      </c>
      <c r="P611" s="1">
        <v>43656.216666666667</v>
      </c>
    </row>
    <row r="612" spans="1:16" x14ac:dyDescent="0.4">
      <c r="A612">
        <v>4150</v>
      </c>
      <c r="B612">
        <v>211096</v>
      </c>
      <c r="C612" s="1">
        <v>43655</v>
      </c>
      <c r="D612">
        <v>90</v>
      </c>
      <c r="E612">
        <v>71</v>
      </c>
      <c r="F612" t="s">
        <v>91</v>
      </c>
      <c r="G612">
        <v>3</v>
      </c>
      <c r="H612">
        <v>0</v>
      </c>
      <c r="I612">
        <v>1</v>
      </c>
      <c r="J612">
        <v>0</v>
      </c>
      <c r="K612">
        <v>926586</v>
      </c>
      <c r="L612">
        <v>926587</v>
      </c>
      <c r="M612">
        <v>94</v>
      </c>
      <c r="N612" t="s">
        <v>68</v>
      </c>
      <c r="O612" s="1">
        <v>43656.093055555553</v>
      </c>
      <c r="P612" s="1">
        <v>43656.216666666667</v>
      </c>
    </row>
    <row r="613" spans="1:16" x14ac:dyDescent="0.4">
      <c r="A613">
        <v>4151</v>
      </c>
      <c r="B613">
        <v>211096</v>
      </c>
      <c r="C613" s="1">
        <v>43655</v>
      </c>
      <c r="D613">
        <v>82</v>
      </c>
      <c r="E613">
        <v>63</v>
      </c>
      <c r="F613" t="s">
        <v>169</v>
      </c>
      <c r="G613">
        <v>3</v>
      </c>
      <c r="H613">
        <v>0</v>
      </c>
      <c r="I613">
        <v>1</v>
      </c>
      <c r="J613">
        <v>0</v>
      </c>
      <c r="K613">
        <v>926588</v>
      </c>
      <c r="L613">
        <v>926589</v>
      </c>
      <c r="M613">
        <v>94</v>
      </c>
      <c r="N613" t="s">
        <v>68</v>
      </c>
      <c r="O613" s="1">
        <v>43656.138194444444</v>
      </c>
      <c r="P613" s="1">
        <v>43656.216666666667</v>
      </c>
    </row>
    <row r="614" spans="1:16" x14ac:dyDescent="0.4">
      <c r="A614">
        <v>4152</v>
      </c>
      <c r="B614">
        <v>211096</v>
      </c>
      <c r="C614" s="1">
        <v>43655</v>
      </c>
      <c r="D614">
        <v>236</v>
      </c>
      <c r="E614">
        <v>660</v>
      </c>
      <c r="F614" t="s">
        <v>170</v>
      </c>
      <c r="G614">
        <v>3</v>
      </c>
      <c r="H614">
        <v>0</v>
      </c>
      <c r="I614">
        <v>1</v>
      </c>
      <c r="J614">
        <v>0</v>
      </c>
      <c r="K614">
        <v>926590</v>
      </c>
      <c r="L614">
        <v>926591</v>
      </c>
      <c r="M614">
        <v>94</v>
      </c>
      <c r="N614" t="s">
        <v>68</v>
      </c>
      <c r="O614" s="1">
        <v>43656.138194444444</v>
      </c>
      <c r="P614" s="1">
        <v>43656.216666666667</v>
      </c>
    </row>
    <row r="615" spans="1:16" x14ac:dyDescent="0.4">
      <c r="A615">
        <v>4153</v>
      </c>
      <c r="B615">
        <v>211207</v>
      </c>
      <c r="C615" s="1">
        <v>43657</v>
      </c>
      <c r="D615">
        <v>143</v>
      </c>
      <c r="E615">
        <v>123</v>
      </c>
      <c r="F615" t="s">
        <v>168</v>
      </c>
      <c r="G615">
        <v>4</v>
      </c>
      <c r="H615">
        <v>350</v>
      </c>
      <c r="I615">
        <v>1</v>
      </c>
      <c r="J615">
        <v>0</v>
      </c>
      <c r="K615">
        <v>927028</v>
      </c>
      <c r="L615">
        <v>927029</v>
      </c>
      <c r="M615">
        <v>108</v>
      </c>
      <c r="N615" t="s">
        <v>40</v>
      </c>
      <c r="O615" s="1">
        <v>43658.198611111111</v>
      </c>
      <c r="P615" s="1">
        <v>43658.231249999997</v>
      </c>
    </row>
    <row r="616" spans="1:16" x14ac:dyDescent="0.4">
      <c r="A616">
        <v>4154</v>
      </c>
      <c r="B616">
        <v>211599</v>
      </c>
      <c r="C616" s="1">
        <v>43662</v>
      </c>
      <c r="D616">
        <v>13</v>
      </c>
      <c r="E616">
        <v>112</v>
      </c>
      <c r="F616" t="s">
        <v>62</v>
      </c>
      <c r="G616">
        <v>1</v>
      </c>
      <c r="H616">
        <v>500</v>
      </c>
      <c r="I616">
        <v>1</v>
      </c>
      <c r="J616">
        <v>0</v>
      </c>
      <c r="K616">
        <v>928630</v>
      </c>
      <c r="L616">
        <v>928631</v>
      </c>
      <c r="M616">
        <v>100</v>
      </c>
      <c r="N616" t="s">
        <v>1</v>
      </c>
      <c r="O616" s="1">
        <v>43663.109722222223</v>
      </c>
      <c r="P616" s="1">
        <v>43663.113888888889</v>
      </c>
    </row>
    <row r="617" spans="1:16" x14ac:dyDescent="0.4">
      <c r="A617">
        <v>4155</v>
      </c>
      <c r="B617">
        <v>211650</v>
      </c>
      <c r="C617" s="1">
        <v>43663</v>
      </c>
      <c r="D617">
        <v>182</v>
      </c>
      <c r="E617">
        <v>143</v>
      </c>
      <c r="F617" t="s">
        <v>151</v>
      </c>
      <c r="G617">
        <v>7</v>
      </c>
      <c r="H617">
        <v>380</v>
      </c>
      <c r="I617">
        <v>1</v>
      </c>
      <c r="J617">
        <v>0</v>
      </c>
      <c r="K617">
        <v>928826</v>
      </c>
      <c r="L617">
        <v>928827</v>
      </c>
      <c r="M617">
        <v>100</v>
      </c>
      <c r="N617" t="s">
        <v>1</v>
      </c>
      <c r="O617" s="1">
        <v>43663.936805555553</v>
      </c>
      <c r="P617" s="1">
        <v>43663.96875</v>
      </c>
    </row>
    <row r="618" spans="1:16" x14ac:dyDescent="0.4">
      <c r="A618">
        <v>4156</v>
      </c>
      <c r="B618">
        <v>211650</v>
      </c>
      <c r="C618" s="1">
        <v>43663</v>
      </c>
      <c r="D618">
        <v>182</v>
      </c>
      <c r="E618">
        <v>143</v>
      </c>
      <c r="F618" t="s">
        <v>151</v>
      </c>
      <c r="G618">
        <v>7</v>
      </c>
      <c r="H618">
        <v>380</v>
      </c>
      <c r="I618">
        <v>1</v>
      </c>
      <c r="J618">
        <v>0</v>
      </c>
      <c r="K618">
        <v>928828</v>
      </c>
      <c r="L618">
        <v>928829</v>
      </c>
      <c r="M618">
        <v>100</v>
      </c>
      <c r="N618" t="s">
        <v>1</v>
      </c>
      <c r="O618" s="1">
        <v>43663.936805555553</v>
      </c>
      <c r="P618" s="1">
        <v>43663.969444444447</v>
      </c>
    </row>
    <row r="619" spans="1:16" x14ac:dyDescent="0.4">
      <c r="A619">
        <v>4157</v>
      </c>
      <c r="B619">
        <v>211738</v>
      </c>
      <c r="C619" s="1">
        <v>43665</v>
      </c>
      <c r="D619">
        <v>125</v>
      </c>
      <c r="E619">
        <v>126</v>
      </c>
      <c r="F619" t="s">
        <v>159</v>
      </c>
      <c r="G619">
        <v>18</v>
      </c>
      <c r="H619">
        <v>380</v>
      </c>
      <c r="I619">
        <v>1</v>
      </c>
      <c r="J619">
        <v>0</v>
      </c>
      <c r="K619">
        <v>929159</v>
      </c>
      <c r="L619">
        <v>929160</v>
      </c>
      <c r="M619">
        <v>96</v>
      </c>
      <c r="N619" t="s">
        <v>7</v>
      </c>
      <c r="O619" s="1">
        <v>43665.627083333333</v>
      </c>
      <c r="P619" s="1">
        <v>43665.662499999999</v>
      </c>
    </row>
    <row r="620" spans="1:16" x14ac:dyDescent="0.4">
      <c r="A620">
        <v>4158</v>
      </c>
      <c r="B620">
        <v>211876</v>
      </c>
      <c r="C620" s="1">
        <v>43666</v>
      </c>
      <c r="D620">
        <v>280</v>
      </c>
      <c r="E620">
        <v>1266</v>
      </c>
      <c r="F620" t="s">
        <v>162</v>
      </c>
      <c r="G620">
        <v>19</v>
      </c>
      <c r="H620">
        <v>680</v>
      </c>
      <c r="I620">
        <v>1</v>
      </c>
      <c r="J620">
        <v>0</v>
      </c>
      <c r="K620">
        <v>929785</v>
      </c>
      <c r="L620">
        <v>929786</v>
      </c>
      <c r="M620">
        <v>108</v>
      </c>
      <c r="N620" t="s">
        <v>40</v>
      </c>
      <c r="O620" s="1">
        <v>43666.899305555555</v>
      </c>
      <c r="P620" s="1">
        <v>43666.972916666666</v>
      </c>
    </row>
    <row r="621" spans="1:16" x14ac:dyDescent="0.4">
      <c r="A621">
        <v>4159</v>
      </c>
      <c r="B621">
        <v>211876</v>
      </c>
      <c r="C621" s="1">
        <v>43666</v>
      </c>
      <c r="D621">
        <v>153</v>
      </c>
      <c r="E621">
        <v>151</v>
      </c>
      <c r="F621" t="s">
        <v>108</v>
      </c>
      <c r="G621">
        <v>19</v>
      </c>
      <c r="H621">
        <v>420</v>
      </c>
      <c r="I621">
        <v>1</v>
      </c>
      <c r="J621">
        <v>0</v>
      </c>
      <c r="K621">
        <v>929787</v>
      </c>
      <c r="L621">
        <v>929788</v>
      </c>
      <c r="M621">
        <v>108</v>
      </c>
      <c r="N621" t="s">
        <v>40</v>
      </c>
      <c r="O621" s="1">
        <v>43666.899305555555</v>
      </c>
      <c r="P621" s="1">
        <v>43666.972916666666</v>
      </c>
    </row>
    <row r="622" spans="1:16" x14ac:dyDescent="0.4">
      <c r="A622">
        <v>4160</v>
      </c>
      <c r="B622">
        <v>211876</v>
      </c>
      <c r="C622" s="1">
        <v>43666</v>
      </c>
      <c r="D622">
        <v>143</v>
      </c>
      <c r="E622">
        <v>123</v>
      </c>
      <c r="F622" t="s">
        <v>168</v>
      </c>
      <c r="G622">
        <v>19</v>
      </c>
      <c r="H622">
        <v>350</v>
      </c>
      <c r="I622">
        <v>1</v>
      </c>
      <c r="J622">
        <v>0</v>
      </c>
      <c r="K622">
        <v>929789</v>
      </c>
      <c r="L622">
        <v>929790</v>
      </c>
      <c r="M622">
        <v>108</v>
      </c>
      <c r="N622" t="s">
        <v>40</v>
      </c>
      <c r="O622" s="1">
        <v>43666.899305555555</v>
      </c>
      <c r="P622" s="1">
        <v>43666.972916666666</v>
      </c>
    </row>
    <row r="623" spans="1:16" x14ac:dyDescent="0.4">
      <c r="A623">
        <v>4161</v>
      </c>
      <c r="B623">
        <v>211967</v>
      </c>
      <c r="C623" s="1">
        <v>43667</v>
      </c>
      <c r="D623">
        <v>97</v>
      </c>
      <c r="E623">
        <v>21</v>
      </c>
      <c r="F623" t="s">
        <v>117</v>
      </c>
      <c r="G623">
        <v>14</v>
      </c>
      <c r="H623">
        <v>420</v>
      </c>
      <c r="I623">
        <v>1</v>
      </c>
      <c r="J623">
        <v>0</v>
      </c>
      <c r="K623">
        <v>930128</v>
      </c>
      <c r="L623">
        <v>930129</v>
      </c>
      <c r="M623">
        <v>108</v>
      </c>
      <c r="N623" t="s">
        <v>40</v>
      </c>
      <c r="O623" s="1">
        <v>43667.87777777778</v>
      </c>
      <c r="P623" s="1">
        <v>43667.879166666666</v>
      </c>
    </row>
    <row r="624" spans="1:16" x14ac:dyDescent="0.4">
      <c r="A624">
        <v>4162</v>
      </c>
      <c r="B624">
        <v>211967</v>
      </c>
      <c r="C624" s="1">
        <v>43667</v>
      </c>
      <c r="D624">
        <v>125</v>
      </c>
      <c r="E624">
        <v>126</v>
      </c>
      <c r="F624" t="s">
        <v>159</v>
      </c>
      <c r="G624">
        <v>14</v>
      </c>
      <c r="H624">
        <v>380</v>
      </c>
      <c r="I624">
        <v>1</v>
      </c>
      <c r="J624">
        <v>0</v>
      </c>
      <c r="K624">
        <v>930130</v>
      </c>
      <c r="L624">
        <v>930131</v>
      </c>
      <c r="M624">
        <v>108</v>
      </c>
      <c r="N624" t="s">
        <v>40</v>
      </c>
      <c r="O624" s="1">
        <v>43667.87777777778</v>
      </c>
      <c r="P624" s="1">
        <v>43667.879166666666</v>
      </c>
    </row>
    <row r="625" spans="1:16" x14ac:dyDescent="0.4">
      <c r="A625">
        <v>4163</v>
      </c>
      <c r="B625">
        <v>212029</v>
      </c>
      <c r="C625" s="1">
        <v>43668</v>
      </c>
      <c r="D625">
        <v>98</v>
      </c>
      <c r="E625">
        <v>22</v>
      </c>
      <c r="F625" t="s">
        <v>121</v>
      </c>
      <c r="G625">
        <v>2</v>
      </c>
      <c r="H625">
        <v>580</v>
      </c>
      <c r="I625">
        <v>1</v>
      </c>
      <c r="J625">
        <v>0</v>
      </c>
      <c r="K625">
        <v>930367</v>
      </c>
      <c r="L625">
        <v>930368</v>
      </c>
      <c r="M625">
        <v>94</v>
      </c>
      <c r="N625" t="s">
        <v>68</v>
      </c>
      <c r="O625" s="1">
        <v>43668.801388888889</v>
      </c>
      <c r="P625" s="1">
        <v>43668.884722222225</v>
      </c>
    </row>
    <row r="626" spans="1:16" x14ac:dyDescent="0.4">
      <c r="A626">
        <v>4164</v>
      </c>
      <c r="B626">
        <v>212029</v>
      </c>
      <c r="C626" s="1">
        <v>43668</v>
      </c>
      <c r="D626">
        <v>88</v>
      </c>
      <c r="E626">
        <v>69</v>
      </c>
      <c r="F626" t="s">
        <v>55</v>
      </c>
      <c r="G626">
        <v>2</v>
      </c>
      <c r="H626">
        <v>400</v>
      </c>
      <c r="I626">
        <v>1</v>
      </c>
      <c r="J626">
        <v>0</v>
      </c>
      <c r="K626">
        <v>930370</v>
      </c>
      <c r="L626">
        <v>930371</v>
      </c>
      <c r="M626">
        <v>94</v>
      </c>
      <c r="N626" t="s">
        <v>68</v>
      </c>
      <c r="O626" s="1">
        <v>43668.801388888889</v>
      </c>
      <c r="P626" s="1">
        <v>43668.885416666664</v>
      </c>
    </row>
    <row r="627" spans="1:16" x14ac:dyDescent="0.4">
      <c r="A627">
        <v>4165</v>
      </c>
      <c r="B627">
        <v>212038</v>
      </c>
      <c r="C627" s="1">
        <v>43668</v>
      </c>
      <c r="D627">
        <v>213</v>
      </c>
      <c r="E627">
        <v>211</v>
      </c>
      <c r="F627" t="s">
        <v>46</v>
      </c>
      <c r="G627">
        <v>8</v>
      </c>
      <c r="H627">
        <v>0</v>
      </c>
      <c r="I627">
        <v>1</v>
      </c>
      <c r="J627">
        <v>0</v>
      </c>
      <c r="K627">
        <v>930406</v>
      </c>
      <c r="L627">
        <v>930407</v>
      </c>
      <c r="M627">
        <v>100</v>
      </c>
      <c r="N627" t="s">
        <v>1</v>
      </c>
      <c r="O627" s="1">
        <v>43669.094444444447</v>
      </c>
      <c r="P627" s="1">
        <v>43669.234722222223</v>
      </c>
    </row>
    <row r="628" spans="1:16" x14ac:dyDescent="0.4">
      <c r="A628">
        <v>4166</v>
      </c>
      <c r="B628">
        <v>212038</v>
      </c>
      <c r="C628" s="1">
        <v>43668</v>
      </c>
      <c r="D628">
        <v>213</v>
      </c>
      <c r="E628">
        <v>211</v>
      </c>
      <c r="F628" t="s">
        <v>46</v>
      </c>
      <c r="G628">
        <v>8</v>
      </c>
      <c r="H628">
        <v>0</v>
      </c>
      <c r="I628">
        <v>2</v>
      </c>
      <c r="J628">
        <v>0</v>
      </c>
      <c r="K628">
        <v>930408</v>
      </c>
      <c r="L628">
        <v>930409</v>
      </c>
      <c r="M628">
        <v>100</v>
      </c>
      <c r="N628" t="s">
        <v>1</v>
      </c>
      <c r="O628" s="1">
        <v>43669.125694444447</v>
      </c>
      <c r="P628" s="1">
        <v>43669.234722222223</v>
      </c>
    </row>
    <row r="629" spans="1:16" x14ac:dyDescent="0.4">
      <c r="A629">
        <v>4167</v>
      </c>
      <c r="B629">
        <v>212038</v>
      </c>
      <c r="C629" s="1">
        <v>43668</v>
      </c>
      <c r="D629">
        <v>213</v>
      </c>
      <c r="E629">
        <v>211</v>
      </c>
      <c r="F629" t="s">
        <v>46</v>
      </c>
      <c r="G629">
        <v>8</v>
      </c>
      <c r="H629">
        <v>0</v>
      </c>
      <c r="I629">
        <v>1</v>
      </c>
      <c r="J629">
        <v>0</v>
      </c>
      <c r="K629">
        <v>930410</v>
      </c>
      <c r="L629">
        <v>930411</v>
      </c>
      <c r="M629">
        <v>100</v>
      </c>
      <c r="N629" t="s">
        <v>1</v>
      </c>
      <c r="O629" s="1">
        <v>43669.140277777777</v>
      </c>
      <c r="P629" s="1">
        <v>43669.234722222223</v>
      </c>
    </row>
    <row r="630" spans="1:16" x14ac:dyDescent="0.4">
      <c r="A630">
        <v>4168</v>
      </c>
      <c r="B630">
        <v>212038</v>
      </c>
      <c r="C630" s="1">
        <v>43668</v>
      </c>
      <c r="D630">
        <v>213</v>
      </c>
      <c r="E630">
        <v>211</v>
      </c>
      <c r="F630" t="s">
        <v>46</v>
      </c>
      <c r="G630">
        <v>8</v>
      </c>
      <c r="H630">
        <v>0</v>
      </c>
      <c r="I630">
        <v>1</v>
      </c>
      <c r="J630">
        <v>0</v>
      </c>
      <c r="K630">
        <v>930412</v>
      </c>
      <c r="L630">
        <v>930413</v>
      </c>
      <c r="M630">
        <v>100</v>
      </c>
      <c r="N630" t="s">
        <v>1</v>
      </c>
      <c r="O630" s="1">
        <v>43669.161805555559</v>
      </c>
      <c r="P630" s="1">
        <v>43669.23541666667</v>
      </c>
    </row>
    <row r="631" spans="1:16" x14ac:dyDescent="0.4">
      <c r="A631">
        <v>4169</v>
      </c>
      <c r="B631">
        <v>212077</v>
      </c>
      <c r="C631" s="1">
        <v>43669</v>
      </c>
      <c r="D631">
        <v>290</v>
      </c>
      <c r="E631">
        <v>1260</v>
      </c>
      <c r="F631" t="s">
        <v>167</v>
      </c>
      <c r="G631">
        <v>1</v>
      </c>
      <c r="H631">
        <v>500</v>
      </c>
      <c r="I631">
        <v>1</v>
      </c>
      <c r="J631">
        <v>0</v>
      </c>
      <c r="K631">
        <v>930541</v>
      </c>
      <c r="L631">
        <v>930542</v>
      </c>
      <c r="M631">
        <v>94</v>
      </c>
      <c r="N631" t="s">
        <v>68</v>
      </c>
      <c r="O631" s="1">
        <v>43669.814583333333</v>
      </c>
      <c r="P631" s="1">
        <v>43669.875694444447</v>
      </c>
    </row>
    <row r="632" spans="1:16" x14ac:dyDescent="0.4">
      <c r="A632">
        <v>4170</v>
      </c>
      <c r="B632">
        <v>212382</v>
      </c>
      <c r="C632" s="1">
        <v>43673</v>
      </c>
      <c r="D632">
        <v>213</v>
      </c>
      <c r="E632">
        <v>211</v>
      </c>
      <c r="F632" t="s">
        <v>46</v>
      </c>
      <c r="G632">
        <v>13</v>
      </c>
      <c r="H632">
        <v>0</v>
      </c>
      <c r="I632">
        <v>4</v>
      </c>
      <c r="J632">
        <v>0</v>
      </c>
      <c r="K632">
        <v>931726</v>
      </c>
      <c r="L632">
        <v>931727</v>
      </c>
      <c r="M632">
        <v>100</v>
      </c>
      <c r="N632" t="s">
        <v>1</v>
      </c>
      <c r="O632" s="1">
        <v>43673.837500000001</v>
      </c>
      <c r="P632" s="1">
        <v>43673.837500000001</v>
      </c>
    </row>
    <row r="633" spans="1:16" x14ac:dyDescent="0.4">
      <c r="A633">
        <v>4172</v>
      </c>
      <c r="B633">
        <v>212428</v>
      </c>
      <c r="C633" s="1">
        <v>43674</v>
      </c>
      <c r="D633">
        <v>125</v>
      </c>
      <c r="E633">
        <v>126</v>
      </c>
      <c r="F633" t="s">
        <v>159</v>
      </c>
      <c r="G633">
        <v>12</v>
      </c>
      <c r="H633">
        <v>380</v>
      </c>
      <c r="I633">
        <v>1</v>
      </c>
      <c r="J633">
        <v>0</v>
      </c>
      <c r="K633">
        <v>931968</v>
      </c>
      <c r="L633">
        <v>931969</v>
      </c>
      <c r="M633">
        <v>97</v>
      </c>
      <c r="N633" t="s">
        <v>163</v>
      </c>
      <c r="O633" s="1">
        <v>43674.425694444442</v>
      </c>
      <c r="P633" s="1">
        <v>43674.43472222222</v>
      </c>
    </row>
    <row r="634" spans="1:16" x14ac:dyDescent="0.4">
      <c r="A634">
        <v>4173</v>
      </c>
      <c r="B634">
        <v>212573</v>
      </c>
      <c r="C634" s="1">
        <v>43676</v>
      </c>
      <c r="D634">
        <v>125</v>
      </c>
      <c r="E634">
        <v>126</v>
      </c>
      <c r="F634" t="s">
        <v>159</v>
      </c>
      <c r="G634">
        <v>18</v>
      </c>
      <c r="H634">
        <v>380</v>
      </c>
      <c r="I634">
        <v>1</v>
      </c>
      <c r="J634">
        <v>0</v>
      </c>
      <c r="K634">
        <v>932520</v>
      </c>
      <c r="L634">
        <v>932521</v>
      </c>
      <c r="M634">
        <v>97</v>
      </c>
      <c r="N634" t="s">
        <v>163</v>
      </c>
      <c r="O634" s="1">
        <v>43676.423611111109</v>
      </c>
      <c r="P634" s="1">
        <v>43676.532638888886</v>
      </c>
    </row>
    <row r="635" spans="1:16" x14ac:dyDescent="0.4">
      <c r="A635">
        <v>4174</v>
      </c>
      <c r="B635">
        <v>212623</v>
      </c>
      <c r="C635" s="1">
        <v>43676</v>
      </c>
      <c r="D635">
        <v>182</v>
      </c>
      <c r="E635">
        <v>143</v>
      </c>
      <c r="F635" t="s">
        <v>151</v>
      </c>
      <c r="G635">
        <v>4</v>
      </c>
      <c r="H635">
        <v>380</v>
      </c>
      <c r="I635">
        <v>1</v>
      </c>
      <c r="J635">
        <v>0</v>
      </c>
      <c r="K635">
        <v>932691</v>
      </c>
      <c r="L635">
        <v>932692</v>
      </c>
      <c r="M635">
        <v>99</v>
      </c>
      <c r="N635" t="s">
        <v>43</v>
      </c>
      <c r="O635" s="1">
        <v>43677.154166666667</v>
      </c>
      <c r="P635" s="1">
        <v>43677.157638888886</v>
      </c>
    </row>
    <row r="636" spans="1:16" x14ac:dyDescent="0.4">
      <c r="A636">
        <v>4175</v>
      </c>
      <c r="B636">
        <v>212623</v>
      </c>
      <c r="C636" s="1">
        <v>43676</v>
      </c>
      <c r="D636">
        <v>213</v>
      </c>
      <c r="E636">
        <v>211</v>
      </c>
      <c r="F636" t="s">
        <v>46</v>
      </c>
      <c r="G636">
        <v>4</v>
      </c>
      <c r="H636">
        <v>0</v>
      </c>
      <c r="I636">
        <v>2</v>
      </c>
      <c r="J636">
        <v>0</v>
      </c>
      <c r="K636">
        <v>932694</v>
      </c>
      <c r="L636">
        <v>932695</v>
      </c>
      <c r="M636">
        <v>99</v>
      </c>
      <c r="N636" t="s">
        <v>43</v>
      </c>
      <c r="O636" s="1">
        <v>43676.990972222222</v>
      </c>
      <c r="P636" s="1">
        <v>43677.2</v>
      </c>
    </row>
    <row r="637" spans="1:16" x14ac:dyDescent="0.4">
      <c r="A637">
        <v>4176</v>
      </c>
      <c r="B637">
        <v>212623</v>
      </c>
      <c r="C637" s="1">
        <v>43676</v>
      </c>
      <c r="D637">
        <v>213</v>
      </c>
      <c r="E637">
        <v>211</v>
      </c>
      <c r="F637" t="s">
        <v>46</v>
      </c>
      <c r="G637">
        <v>4</v>
      </c>
      <c r="H637">
        <v>0</v>
      </c>
      <c r="I637">
        <v>2</v>
      </c>
      <c r="J637">
        <v>0</v>
      </c>
      <c r="K637">
        <v>932696</v>
      </c>
      <c r="L637">
        <v>932697</v>
      </c>
      <c r="M637">
        <v>99</v>
      </c>
      <c r="N637" t="s">
        <v>43</v>
      </c>
      <c r="O637" s="1">
        <v>43677.006249999999</v>
      </c>
      <c r="P637" s="1">
        <v>43677.2</v>
      </c>
    </row>
    <row r="638" spans="1:16" x14ac:dyDescent="0.4">
      <c r="A638">
        <v>4177</v>
      </c>
      <c r="B638">
        <v>212623</v>
      </c>
      <c r="C638" s="1">
        <v>43676</v>
      </c>
      <c r="D638">
        <v>213</v>
      </c>
      <c r="E638">
        <v>211</v>
      </c>
      <c r="F638" t="s">
        <v>46</v>
      </c>
      <c r="G638">
        <v>4</v>
      </c>
      <c r="H638">
        <v>0</v>
      </c>
      <c r="I638">
        <v>2</v>
      </c>
      <c r="J638">
        <v>0</v>
      </c>
      <c r="K638">
        <v>932698</v>
      </c>
      <c r="L638">
        <v>932699</v>
      </c>
      <c r="M638">
        <v>99</v>
      </c>
      <c r="N638" t="s">
        <v>43</v>
      </c>
      <c r="O638" s="1">
        <v>43677.041666666664</v>
      </c>
      <c r="P638" s="1">
        <v>43677.2</v>
      </c>
    </row>
    <row r="639" spans="1:16" x14ac:dyDescent="0.4">
      <c r="A639">
        <v>3862</v>
      </c>
      <c r="B639">
        <v>187291</v>
      </c>
      <c r="C639" s="1">
        <v>43297</v>
      </c>
      <c r="D639">
        <v>316</v>
      </c>
      <c r="E639">
        <v>245</v>
      </c>
      <c r="F639" t="s">
        <v>105</v>
      </c>
      <c r="G639">
        <v>4</v>
      </c>
      <c r="H639">
        <v>480</v>
      </c>
      <c r="I639">
        <v>1</v>
      </c>
      <c r="J639">
        <v>0</v>
      </c>
      <c r="K639">
        <v>829116</v>
      </c>
      <c r="L639">
        <v>829117</v>
      </c>
      <c r="M639">
        <v>29</v>
      </c>
      <c r="N639" t="s">
        <v>97</v>
      </c>
      <c r="O639" s="1">
        <v>43298.232638888891</v>
      </c>
      <c r="P639" s="1">
        <v>43298.245833333334</v>
      </c>
    </row>
    <row r="640" spans="1:16" x14ac:dyDescent="0.4">
      <c r="A640">
        <v>3865</v>
      </c>
      <c r="B640">
        <v>187790</v>
      </c>
      <c r="C640" s="1">
        <v>43305</v>
      </c>
      <c r="D640">
        <v>150</v>
      </c>
      <c r="E640">
        <v>133</v>
      </c>
      <c r="F640" t="s">
        <v>109</v>
      </c>
      <c r="G640">
        <v>3</v>
      </c>
      <c r="H640">
        <v>450</v>
      </c>
      <c r="I640">
        <v>1</v>
      </c>
      <c r="J640">
        <v>0</v>
      </c>
      <c r="K640">
        <v>831202</v>
      </c>
      <c r="L640">
        <v>831203</v>
      </c>
      <c r="M640">
        <v>100</v>
      </c>
      <c r="N640" t="s">
        <v>1</v>
      </c>
      <c r="O640" s="1">
        <v>43306.140277777777</v>
      </c>
      <c r="P640" s="1">
        <v>43306.151388888888</v>
      </c>
    </row>
    <row r="641" spans="1:16" x14ac:dyDescent="0.4">
      <c r="A641">
        <v>4179</v>
      </c>
      <c r="B641">
        <v>212688</v>
      </c>
      <c r="C641" s="1">
        <v>43677</v>
      </c>
      <c r="D641">
        <v>57</v>
      </c>
      <c r="E641">
        <v>30</v>
      </c>
      <c r="F641" t="s">
        <v>60</v>
      </c>
      <c r="G641">
        <v>16</v>
      </c>
      <c r="H641">
        <v>320</v>
      </c>
      <c r="I641">
        <v>1</v>
      </c>
      <c r="J641">
        <v>0</v>
      </c>
      <c r="K641">
        <v>932918</v>
      </c>
      <c r="L641">
        <v>932919</v>
      </c>
      <c r="M641">
        <v>108</v>
      </c>
      <c r="N641" t="s">
        <v>40</v>
      </c>
      <c r="O641" s="1">
        <v>43677.934027777781</v>
      </c>
      <c r="P641" s="1">
        <v>43677.936111111114</v>
      </c>
    </row>
    <row r="642" spans="1:16" x14ac:dyDescent="0.4">
      <c r="A642">
        <v>4180</v>
      </c>
      <c r="B642">
        <v>212843</v>
      </c>
      <c r="C642" s="1">
        <v>43679</v>
      </c>
      <c r="D642">
        <v>113</v>
      </c>
      <c r="E642">
        <v>81</v>
      </c>
      <c r="F642" t="s">
        <v>171</v>
      </c>
      <c r="G642">
        <v>15</v>
      </c>
      <c r="H642">
        <v>400</v>
      </c>
      <c r="I642">
        <v>1</v>
      </c>
      <c r="J642">
        <v>0</v>
      </c>
      <c r="K642">
        <v>933570</v>
      </c>
      <c r="L642">
        <v>933571</v>
      </c>
      <c r="M642">
        <v>100</v>
      </c>
      <c r="N642" t="s">
        <v>1</v>
      </c>
      <c r="O642" s="1">
        <v>43679.997916666667</v>
      </c>
      <c r="P642" s="1">
        <v>43679.997916666667</v>
      </c>
    </row>
    <row r="643" spans="1:16" x14ac:dyDescent="0.4">
      <c r="A643">
        <v>4181</v>
      </c>
      <c r="B643">
        <v>212857</v>
      </c>
      <c r="C643" s="1">
        <v>43679</v>
      </c>
      <c r="D643">
        <v>146</v>
      </c>
      <c r="E643">
        <v>131</v>
      </c>
      <c r="F643" t="s">
        <v>41</v>
      </c>
      <c r="G643">
        <v>1</v>
      </c>
      <c r="H643">
        <v>450</v>
      </c>
      <c r="I643">
        <v>1</v>
      </c>
      <c r="J643">
        <v>0</v>
      </c>
      <c r="K643">
        <v>933639</v>
      </c>
      <c r="L643">
        <v>933640</v>
      </c>
      <c r="M643">
        <v>99</v>
      </c>
      <c r="N643" t="s">
        <v>43</v>
      </c>
      <c r="O643" s="1">
        <v>43680.130555555559</v>
      </c>
      <c r="P643" s="1">
        <v>43680.130555555559</v>
      </c>
    </row>
    <row r="644" spans="1:16" x14ac:dyDescent="0.4">
      <c r="A644">
        <v>4182</v>
      </c>
      <c r="B644">
        <v>213016</v>
      </c>
      <c r="C644" s="1">
        <v>43681</v>
      </c>
      <c r="D644">
        <v>280</v>
      </c>
      <c r="E644">
        <v>1266</v>
      </c>
      <c r="F644" t="s">
        <v>162</v>
      </c>
      <c r="G644">
        <v>2</v>
      </c>
      <c r="H644">
        <v>680</v>
      </c>
      <c r="I644">
        <v>1</v>
      </c>
      <c r="J644">
        <v>0</v>
      </c>
      <c r="K644">
        <v>934274</v>
      </c>
      <c r="L644">
        <v>934275</v>
      </c>
      <c r="M644">
        <v>107</v>
      </c>
      <c r="N644" t="s">
        <v>172</v>
      </c>
      <c r="O644" s="1">
        <v>43681.839583333334</v>
      </c>
      <c r="P644" s="1">
        <v>43681.839583333334</v>
      </c>
    </row>
    <row r="645" spans="1:16" x14ac:dyDescent="0.4">
      <c r="A645">
        <v>4184</v>
      </c>
      <c r="B645">
        <v>213094</v>
      </c>
      <c r="C645" s="1">
        <v>43682</v>
      </c>
      <c r="D645">
        <v>157</v>
      </c>
      <c r="E645">
        <v>113</v>
      </c>
      <c r="F645" t="s">
        <v>59</v>
      </c>
      <c r="G645">
        <v>1</v>
      </c>
      <c r="H645">
        <v>550</v>
      </c>
      <c r="I645">
        <v>1</v>
      </c>
      <c r="J645">
        <v>0</v>
      </c>
      <c r="K645">
        <v>934622</v>
      </c>
      <c r="L645">
        <v>934623</v>
      </c>
      <c r="M645">
        <v>94</v>
      </c>
      <c r="N645" t="s">
        <v>68</v>
      </c>
      <c r="O645" s="1">
        <v>43683.143055555556</v>
      </c>
      <c r="P645" s="1">
        <v>43683.211805555555</v>
      </c>
    </row>
    <row r="646" spans="1:16" x14ac:dyDescent="0.4">
      <c r="A646">
        <v>4185</v>
      </c>
      <c r="B646">
        <v>213094</v>
      </c>
      <c r="C646" s="1">
        <v>43682</v>
      </c>
      <c r="D646">
        <v>143</v>
      </c>
      <c r="E646">
        <v>123</v>
      </c>
      <c r="F646" t="s">
        <v>168</v>
      </c>
      <c r="G646">
        <v>1</v>
      </c>
      <c r="H646">
        <v>350</v>
      </c>
      <c r="I646">
        <v>1</v>
      </c>
      <c r="J646">
        <v>0</v>
      </c>
      <c r="K646">
        <v>934624</v>
      </c>
      <c r="L646">
        <v>934625</v>
      </c>
      <c r="M646">
        <v>94</v>
      </c>
      <c r="N646" t="s">
        <v>68</v>
      </c>
      <c r="O646" s="1">
        <v>43683.143055555556</v>
      </c>
      <c r="P646" s="1">
        <v>43683.211805555555</v>
      </c>
    </row>
    <row r="647" spans="1:16" x14ac:dyDescent="0.4">
      <c r="A647">
        <v>4186</v>
      </c>
      <c r="B647">
        <v>213151</v>
      </c>
      <c r="C647" s="1">
        <v>43683</v>
      </c>
      <c r="D647">
        <v>57</v>
      </c>
      <c r="E647">
        <v>30</v>
      </c>
      <c r="F647" t="s">
        <v>60</v>
      </c>
      <c r="G647">
        <v>6</v>
      </c>
      <c r="H647">
        <v>0</v>
      </c>
      <c r="I647">
        <v>1</v>
      </c>
      <c r="J647">
        <v>0</v>
      </c>
      <c r="K647">
        <v>934817</v>
      </c>
      <c r="L647">
        <v>934818</v>
      </c>
      <c r="M647">
        <v>94</v>
      </c>
      <c r="N647" t="s">
        <v>68</v>
      </c>
      <c r="O647" s="1">
        <v>43683.852083333331</v>
      </c>
      <c r="P647" s="1">
        <v>43683.919444444444</v>
      </c>
    </row>
    <row r="648" spans="1:16" x14ac:dyDescent="0.4">
      <c r="A648">
        <v>4187</v>
      </c>
      <c r="B648">
        <v>213151</v>
      </c>
      <c r="C648" s="1">
        <v>43683</v>
      </c>
      <c r="D648">
        <v>80</v>
      </c>
      <c r="E648">
        <v>61</v>
      </c>
      <c r="F648" t="s">
        <v>153</v>
      </c>
      <c r="G648">
        <v>6</v>
      </c>
      <c r="H648">
        <v>0</v>
      </c>
      <c r="I648">
        <v>1</v>
      </c>
      <c r="J648">
        <v>0</v>
      </c>
      <c r="K648">
        <v>934819</v>
      </c>
      <c r="L648">
        <v>934820</v>
      </c>
      <c r="M648">
        <v>94</v>
      </c>
      <c r="N648" t="s">
        <v>68</v>
      </c>
      <c r="O648" s="1">
        <v>43683.870833333334</v>
      </c>
      <c r="P648" s="1">
        <v>43683.919444444444</v>
      </c>
    </row>
    <row r="649" spans="1:16" x14ac:dyDescent="0.4">
      <c r="A649">
        <v>4188</v>
      </c>
      <c r="B649">
        <v>213151</v>
      </c>
      <c r="C649" s="1">
        <v>43683</v>
      </c>
      <c r="D649">
        <v>79</v>
      </c>
      <c r="E649">
        <v>60</v>
      </c>
      <c r="F649" t="s">
        <v>157</v>
      </c>
      <c r="G649">
        <v>6</v>
      </c>
      <c r="H649">
        <v>400</v>
      </c>
      <c r="I649">
        <v>1</v>
      </c>
      <c r="J649">
        <v>0</v>
      </c>
      <c r="K649">
        <v>934821</v>
      </c>
      <c r="L649">
        <v>934822</v>
      </c>
      <c r="M649">
        <v>94</v>
      </c>
      <c r="N649" t="s">
        <v>68</v>
      </c>
      <c r="O649" s="1">
        <v>43683.893055555556</v>
      </c>
      <c r="P649" s="1">
        <v>43683.919444444444</v>
      </c>
    </row>
    <row r="650" spans="1:16" x14ac:dyDescent="0.4">
      <c r="A650">
        <v>4189</v>
      </c>
      <c r="B650">
        <v>213146</v>
      </c>
      <c r="C650" s="1">
        <v>43683</v>
      </c>
      <c r="D650">
        <v>186</v>
      </c>
      <c r="E650">
        <v>225</v>
      </c>
      <c r="F650" t="s">
        <v>34</v>
      </c>
      <c r="G650">
        <v>3</v>
      </c>
      <c r="H650">
        <v>0</v>
      </c>
      <c r="I650">
        <v>1</v>
      </c>
      <c r="J650">
        <v>0</v>
      </c>
      <c r="K650">
        <v>934831</v>
      </c>
      <c r="L650">
        <v>934832</v>
      </c>
      <c r="M650">
        <v>94</v>
      </c>
      <c r="N650" t="s">
        <v>68</v>
      </c>
      <c r="O650" s="1">
        <v>43683.769444444442</v>
      </c>
      <c r="P650" s="1">
        <v>43683.95</v>
      </c>
    </row>
    <row r="651" spans="1:16" x14ac:dyDescent="0.4">
      <c r="A651">
        <v>4190</v>
      </c>
      <c r="B651">
        <v>213146</v>
      </c>
      <c r="C651" s="1">
        <v>43683</v>
      </c>
      <c r="D651">
        <v>213</v>
      </c>
      <c r="E651">
        <v>211</v>
      </c>
      <c r="F651" t="s">
        <v>46</v>
      </c>
      <c r="G651">
        <v>3</v>
      </c>
      <c r="H651">
        <v>0</v>
      </c>
      <c r="I651">
        <v>1</v>
      </c>
      <c r="J651">
        <v>0</v>
      </c>
      <c r="K651">
        <v>934833</v>
      </c>
      <c r="L651">
        <v>934834</v>
      </c>
      <c r="M651">
        <v>94</v>
      </c>
      <c r="N651" t="s">
        <v>68</v>
      </c>
      <c r="O651" s="1">
        <v>43683.769444444442</v>
      </c>
      <c r="P651" s="1">
        <v>43683.95</v>
      </c>
    </row>
    <row r="652" spans="1:16" x14ac:dyDescent="0.4">
      <c r="A652">
        <v>4191</v>
      </c>
      <c r="B652">
        <v>213146</v>
      </c>
      <c r="C652" s="1">
        <v>43683</v>
      </c>
      <c r="D652">
        <v>71</v>
      </c>
      <c r="E652">
        <v>52</v>
      </c>
      <c r="F652" t="s">
        <v>23</v>
      </c>
      <c r="G652">
        <v>3</v>
      </c>
      <c r="H652">
        <v>0</v>
      </c>
      <c r="I652">
        <v>1</v>
      </c>
      <c r="J652">
        <v>0</v>
      </c>
      <c r="K652">
        <v>934835</v>
      </c>
      <c r="L652">
        <v>934836</v>
      </c>
      <c r="M652">
        <v>94</v>
      </c>
      <c r="N652" t="s">
        <v>68</v>
      </c>
      <c r="O652" s="1">
        <v>43683.78402777778</v>
      </c>
      <c r="P652" s="1">
        <v>43683.95</v>
      </c>
    </row>
    <row r="653" spans="1:16" x14ac:dyDescent="0.4">
      <c r="A653">
        <v>4192</v>
      </c>
      <c r="B653">
        <v>213146</v>
      </c>
      <c r="C653" s="1">
        <v>43683</v>
      </c>
      <c r="D653">
        <v>76</v>
      </c>
      <c r="E653">
        <v>51</v>
      </c>
      <c r="F653" t="s">
        <v>33</v>
      </c>
      <c r="G653">
        <v>3</v>
      </c>
      <c r="H653">
        <v>0</v>
      </c>
      <c r="I653">
        <v>1</v>
      </c>
      <c r="J653">
        <v>0</v>
      </c>
      <c r="K653">
        <v>934837</v>
      </c>
      <c r="L653">
        <v>934838</v>
      </c>
      <c r="M653">
        <v>94</v>
      </c>
      <c r="N653" t="s">
        <v>68</v>
      </c>
      <c r="O653" s="1">
        <v>43683.78402777778</v>
      </c>
      <c r="P653" s="1">
        <v>43683.95</v>
      </c>
    </row>
    <row r="654" spans="1:16" x14ac:dyDescent="0.4">
      <c r="A654">
        <v>4193</v>
      </c>
      <c r="B654">
        <v>213146</v>
      </c>
      <c r="C654" s="1">
        <v>43683</v>
      </c>
      <c r="D654">
        <v>205</v>
      </c>
      <c r="E654">
        <v>400</v>
      </c>
      <c r="F654" t="s">
        <v>125</v>
      </c>
      <c r="G654">
        <v>3</v>
      </c>
      <c r="H654">
        <v>0</v>
      </c>
      <c r="I654">
        <v>1</v>
      </c>
      <c r="J654">
        <v>0</v>
      </c>
      <c r="K654">
        <v>934839</v>
      </c>
      <c r="L654">
        <v>934840</v>
      </c>
      <c r="M654">
        <v>94</v>
      </c>
      <c r="N654" t="s">
        <v>68</v>
      </c>
      <c r="O654" s="1">
        <v>43683.794444444444</v>
      </c>
      <c r="P654" s="1">
        <v>43683.95</v>
      </c>
    </row>
    <row r="655" spans="1:16" x14ac:dyDescent="0.4">
      <c r="A655">
        <v>4194</v>
      </c>
      <c r="B655">
        <v>213146</v>
      </c>
      <c r="C655" s="1">
        <v>43683</v>
      </c>
      <c r="D655">
        <v>57</v>
      </c>
      <c r="E655">
        <v>30</v>
      </c>
      <c r="F655" t="s">
        <v>60</v>
      </c>
      <c r="G655">
        <v>3</v>
      </c>
      <c r="H655">
        <v>0</v>
      </c>
      <c r="I655">
        <v>1</v>
      </c>
      <c r="J655">
        <v>0</v>
      </c>
      <c r="K655">
        <v>934841</v>
      </c>
      <c r="L655">
        <v>934842</v>
      </c>
      <c r="M655">
        <v>94</v>
      </c>
      <c r="N655" t="s">
        <v>68</v>
      </c>
      <c r="O655" s="1">
        <v>43683.820138888892</v>
      </c>
      <c r="P655" s="1">
        <v>43683.950694444444</v>
      </c>
    </row>
    <row r="656" spans="1:16" x14ac:dyDescent="0.4">
      <c r="A656">
        <v>4195</v>
      </c>
      <c r="B656">
        <v>213146</v>
      </c>
      <c r="C656" s="1">
        <v>43683</v>
      </c>
      <c r="D656">
        <v>205</v>
      </c>
      <c r="E656">
        <v>400</v>
      </c>
      <c r="F656" t="s">
        <v>125</v>
      </c>
      <c r="G656">
        <v>3</v>
      </c>
      <c r="H656">
        <v>0</v>
      </c>
      <c r="I656">
        <v>1</v>
      </c>
      <c r="J656">
        <v>0</v>
      </c>
      <c r="K656">
        <v>934843</v>
      </c>
      <c r="L656">
        <v>934844</v>
      </c>
      <c r="M656">
        <v>94</v>
      </c>
      <c r="N656" t="s">
        <v>68</v>
      </c>
      <c r="O656" s="1">
        <v>43683.820138888892</v>
      </c>
      <c r="P656" s="1">
        <v>43683.950694444444</v>
      </c>
    </row>
    <row r="657" spans="1:16" x14ac:dyDescent="0.4">
      <c r="A657">
        <v>4196</v>
      </c>
      <c r="B657">
        <v>213146</v>
      </c>
      <c r="C657" s="1">
        <v>43683</v>
      </c>
      <c r="D657">
        <v>349</v>
      </c>
      <c r="E657">
        <v>902</v>
      </c>
      <c r="F657" t="s">
        <v>173</v>
      </c>
      <c r="G657">
        <v>3</v>
      </c>
      <c r="H657">
        <v>0</v>
      </c>
      <c r="I657">
        <v>1</v>
      </c>
      <c r="J657">
        <v>0</v>
      </c>
      <c r="K657">
        <v>934845</v>
      </c>
      <c r="L657">
        <v>934846</v>
      </c>
      <c r="M657">
        <v>94</v>
      </c>
      <c r="N657" t="s">
        <v>68</v>
      </c>
      <c r="O657" s="1">
        <v>43683.820138888892</v>
      </c>
      <c r="P657" s="1">
        <v>43683.950694444444</v>
      </c>
    </row>
    <row r="658" spans="1:16" x14ac:dyDescent="0.4">
      <c r="A658">
        <v>4197</v>
      </c>
      <c r="B658">
        <v>213146</v>
      </c>
      <c r="C658" s="1">
        <v>43683</v>
      </c>
      <c r="D658">
        <v>205</v>
      </c>
      <c r="E658">
        <v>400</v>
      </c>
      <c r="F658" t="s">
        <v>125</v>
      </c>
      <c r="G658">
        <v>3</v>
      </c>
      <c r="H658">
        <v>0</v>
      </c>
      <c r="I658">
        <v>1</v>
      </c>
      <c r="J658">
        <v>0</v>
      </c>
      <c r="K658">
        <v>934847</v>
      </c>
      <c r="L658">
        <v>934848</v>
      </c>
      <c r="M658">
        <v>94</v>
      </c>
      <c r="N658" t="s">
        <v>68</v>
      </c>
      <c r="O658" s="1">
        <v>43683.841666666667</v>
      </c>
      <c r="P658" s="1">
        <v>43683.950694444444</v>
      </c>
    </row>
    <row r="659" spans="1:16" x14ac:dyDescent="0.4">
      <c r="A659">
        <v>4198</v>
      </c>
      <c r="B659">
        <v>213146</v>
      </c>
      <c r="C659" s="1">
        <v>43683</v>
      </c>
      <c r="D659">
        <v>349</v>
      </c>
      <c r="E659">
        <v>902</v>
      </c>
      <c r="F659" t="s">
        <v>173</v>
      </c>
      <c r="G659">
        <v>3</v>
      </c>
      <c r="H659">
        <v>0</v>
      </c>
      <c r="I659">
        <v>1</v>
      </c>
      <c r="J659">
        <v>0</v>
      </c>
      <c r="K659">
        <v>934849</v>
      </c>
      <c r="L659">
        <v>934850</v>
      </c>
      <c r="M659">
        <v>94</v>
      </c>
      <c r="N659" t="s">
        <v>68</v>
      </c>
      <c r="O659" s="1">
        <v>43683.841666666667</v>
      </c>
      <c r="P659" s="1">
        <v>43683.950694444444</v>
      </c>
    </row>
    <row r="660" spans="1:16" x14ac:dyDescent="0.4">
      <c r="A660">
        <v>4199</v>
      </c>
      <c r="B660">
        <v>213146</v>
      </c>
      <c r="C660" s="1">
        <v>43683</v>
      </c>
      <c r="D660">
        <v>57</v>
      </c>
      <c r="E660">
        <v>30</v>
      </c>
      <c r="F660" t="s">
        <v>60</v>
      </c>
      <c r="G660">
        <v>3</v>
      </c>
      <c r="H660">
        <v>0</v>
      </c>
      <c r="I660">
        <v>1</v>
      </c>
      <c r="J660">
        <v>0</v>
      </c>
      <c r="K660">
        <v>934851</v>
      </c>
      <c r="L660">
        <v>934852</v>
      </c>
      <c r="M660">
        <v>94</v>
      </c>
      <c r="N660" t="s">
        <v>68</v>
      </c>
      <c r="O660" s="1">
        <v>43683.850694444445</v>
      </c>
      <c r="P660" s="1">
        <v>43683.950694444444</v>
      </c>
    </row>
    <row r="661" spans="1:16" x14ac:dyDescent="0.4">
      <c r="A661">
        <v>4200</v>
      </c>
      <c r="B661">
        <v>213146</v>
      </c>
      <c r="C661" s="1">
        <v>43683</v>
      </c>
      <c r="D661">
        <v>205</v>
      </c>
      <c r="E661">
        <v>400</v>
      </c>
      <c r="F661" t="s">
        <v>125</v>
      </c>
      <c r="G661">
        <v>3</v>
      </c>
      <c r="H661">
        <v>0</v>
      </c>
      <c r="I661">
        <v>1</v>
      </c>
      <c r="J661">
        <v>0</v>
      </c>
      <c r="K661">
        <v>934853</v>
      </c>
      <c r="L661">
        <v>934854</v>
      </c>
      <c r="M661">
        <v>94</v>
      </c>
      <c r="N661" t="s">
        <v>68</v>
      </c>
      <c r="O661" s="1">
        <v>43683.896527777775</v>
      </c>
      <c r="P661" s="1">
        <v>43683.950694444444</v>
      </c>
    </row>
    <row r="662" spans="1:16" x14ac:dyDescent="0.4">
      <c r="A662">
        <v>4201</v>
      </c>
      <c r="B662">
        <v>213146</v>
      </c>
      <c r="C662" s="1">
        <v>43683</v>
      </c>
      <c r="D662">
        <v>57</v>
      </c>
      <c r="E662">
        <v>30</v>
      </c>
      <c r="F662" t="s">
        <v>60</v>
      </c>
      <c r="G662">
        <v>3</v>
      </c>
      <c r="H662">
        <v>0</v>
      </c>
      <c r="I662">
        <v>1</v>
      </c>
      <c r="J662">
        <v>0</v>
      </c>
      <c r="K662">
        <v>934855</v>
      </c>
      <c r="L662">
        <v>934856</v>
      </c>
      <c r="M662">
        <v>94</v>
      </c>
      <c r="N662" t="s">
        <v>68</v>
      </c>
      <c r="O662" s="1">
        <v>43683.87777777778</v>
      </c>
      <c r="P662" s="1">
        <v>43683.950694444444</v>
      </c>
    </row>
    <row r="663" spans="1:16" x14ac:dyDescent="0.4">
      <c r="A663">
        <v>4202</v>
      </c>
      <c r="B663">
        <v>213146</v>
      </c>
      <c r="C663" s="1">
        <v>43683</v>
      </c>
      <c r="D663">
        <v>349</v>
      </c>
      <c r="E663">
        <v>902</v>
      </c>
      <c r="F663" t="s">
        <v>173</v>
      </c>
      <c r="G663">
        <v>3</v>
      </c>
      <c r="H663">
        <v>0</v>
      </c>
      <c r="I663">
        <v>1</v>
      </c>
      <c r="J663">
        <v>0</v>
      </c>
      <c r="K663">
        <v>934857</v>
      </c>
      <c r="L663">
        <v>934858</v>
      </c>
      <c r="M663">
        <v>94</v>
      </c>
      <c r="N663" t="s">
        <v>68</v>
      </c>
      <c r="O663" s="1">
        <v>43683.896527777775</v>
      </c>
      <c r="P663" s="1">
        <v>43683.950694444444</v>
      </c>
    </row>
    <row r="664" spans="1:16" x14ac:dyDescent="0.4">
      <c r="A664">
        <v>4203</v>
      </c>
      <c r="B664">
        <v>213146</v>
      </c>
      <c r="C664" s="1">
        <v>43683</v>
      </c>
      <c r="D664">
        <v>205</v>
      </c>
      <c r="E664">
        <v>400</v>
      </c>
      <c r="F664" t="s">
        <v>125</v>
      </c>
      <c r="G664">
        <v>3</v>
      </c>
      <c r="H664">
        <v>0</v>
      </c>
      <c r="I664">
        <v>1</v>
      </c>
      <c r="J664">
        <v>0</v>
      </c>
      <c r="K664">
        <v>934859</v>
      </c>
      <c r="L664">
        <v>934860</v>
      </c>
      <c r="M664">
        <v>94</v>
      </c>
      <c r="N664" t="s">
        <v>68</v>
      </c>
      <c r="O664" s="1">
        <v>43683.917361111111</v>
      </c>
      <c r="P664" s="1">
        <v>43683.950694444444</v>
      </c>
    </row>
    <row r="665" spans="1:16" x14ac:dyDescent="0.4">
      <c r="A665">
        <v>4204</v>
      </c>
      <c r="B665">
        <v>213146</v>
      </c>
      <c r="C665" s="1">
        <v>43683</v>
      </c>
      <c r="D665">
        <v>349</v>
      </c>
      <c r="E665">
        <v>902</v>
      </c>
      <c r="F665" t="s">
        <v>173</v>
      </c>
      <c r="G665">
        <v>3</v>
      </c>
      <c r="H665">
        <v>0</v>
      </c>
      <c r="I665">
        <v>1</v>
      </c>
      <c r="J665">
        <v>0</v>
      </c>
      <c r="K665">
        <v>934861</v>
      </c>
      <c r="L665">
        <v>934862</v>
      </c>
      <c r="M665">
        <v>94</v>
      </c>
      <c r="N665" t="s">
        <v>68</v>
      </c>
      <c r="O665" s="1">
        <v>43683.917361111111</v>
      </c>
      <c r="P665" s="1">
        <v>43683.950694444444</v>
      </c>
    </row>
    <row r="666" spans="1:16" x14ac:dyDescent="0.4">
      <c r="A666">
        <v>4205</v>
      </c>
      <c r="B666">
        <v>213146</v>
      </c>
      <c r="C666" s="1">
        <v>43683</v>
      </c>
      <c r="D666">
        <v>205</v>
      </c>
      <c r="E666">
        <v>400</v>
      </c>
      <c r="F666" t="s">
        <v>125</v>
      </c>
      <c r="G666">
        <v>3</v>
      </c>
      <c r="H666">
        <v>0</v>
      </c>
      <c r="I666">
        <v>1</v>
      </c>
      <c r="J666">
        <v>0</v>
      </c>
      <c r="K666">
        <v>934863</v>
      </c>
      <c r="L666">
        <v>934864</v>
      </c>
      <c r="M666">
        <v>94</v>
      </c>
      <c r="N666" t="s">
        <v>68</v>
      </c>
      <c r="O666" s="1">
        <v>43683.923611111109</v>
      </c>
      <c r="P666" s="1">
        <v>43683.950694444444</v>
      </c>
    </row>
    <row r="667" spans="1:16" x14ac:dyDescent="0.4">
      <c r="A667">
        <v>4206</v>
      </c>
      <c r="B667">
        <v>213146</v>
      </c>
      <c r="C667" s="1">
        <v>43683</v>
      </c>
      <c r="D667">
        <v>349</v>
      </c>
      <c r="E667">
        <v>902</v>
      </c>
      <c r="F667" t="s">
        <v>173</v>
      </c>
      <c r="G667">
        <v>3</v>
      </c>
      <c r="H667">
        <v>0</v>
      </c>
      <c r="I667">
        <v>1</v>
      </c>
      <c r="J667">
        <v>0</v>
      </c>
      <c r="K667">
        <v>934865</v>
      </c>
      <c r="L667">
        <v>934866</v>
      </c>
      <c r="M667">
        <v>94</v>
      </c>
      <c r="N667" t="s">
        <v>68</v>
      </c>
      <c r="O667" s="1">
        <v>43683.923611111109</v>
      </c>
      <c r="P667" s="1">
        <v>43683.950694444444</v>
      </c>
    </row>
    <row r="668" spans="1:16" x14ac:dyDescent="0.4">
      <c r="A668">
        <v>4207</v>
      </c>
      <c r="B668">
        <v>213462</v>
      </c>
      <c r="C668" s="1">
        <v>43687</v>
      </c>
      <c r="D668">
        <v>187</v>
      </c>
      <c r="E668">
        <v>226</v>
      </c>
      <c r="F668" t="s">
        <v>114</v>
      </c>
      <c r="G668">
        <v>7</v>
      </c>
      <c r="H668">
        <v>350</v>
      </c>
      <c r="I668">
        <v>1</v>
      </c>
      <c r="J668">
        <v>0</v>
      </c>
      <c r="K668">
        <v>936073</v>
      </c>
      <c r="L668">
        <v>936074</v>
      </c>
      <c r="M668">
        <v>108</v>
      </c>
      <c r="N668" t="s">
        <v>40</v>
      </c>
      <c r="O668" s="1">
        <v>43687.854861111111</v>
      </c>
      <c r="P668" s="1">
        <v>43687.86041666667</v>
      </c>
    </row>
    <row r="669" spans="1:16" x14ac:dyDescent="0.4">
      <c r="A669">
        <v>4208</v>
      </c>
      <c r="B669">
        <v>213462</v>
      </c>
      <c r="C669" s="1">
        <v>43687</v>
      </c>
      <c r="D669">
        <v>81</v>
      </c>
      <c r="E669">
        <v>62</v>
      </c>
      <c r="F669" t="s">
        <v>174</v>
      </c>
      <c r="G669">
        <v>7</v>
      </c>
      <c r="H669">
        <v>400</v>
      </c>
      <c r="I669">
        <v>1</v>
      </c>
      <c r="J669">
        <v>0</v>
      </c>
      <c r="K669">
        <v>936075</v>
      </c>
      <c r="L669">
        <v>936076</v>
      </c>
      <c r="M669">
        <v>108</v>
      </c>
      <c r="N669" t="s">
        <v>40</v>
      </c>
      <c r="O669" s="1">
        <v>43687.854861111111</v>
      </c>
      <c r="P669" s="1">
        <v>43687.86041666667</v>
      </c>
    </row>
    <row r="670" spans="1:16" x14ac:dyDescent="0.4">
      <c r="A670">
        <v>4209</v>
      </c>
      <c r="B670">
        <v>213574</v>
      </c>
      <c r="C670" s="1">
        <v>43688</v>
      </c>
      <c r="D670">
        <v>75</v>
      </c>
      <c r="E670">
        <v>56</v>
      </c>
      <c r="F670" t="s">
        <v>49</v>
      </c>
      <c r="G670">
        <v>15</v>
      </c>
      <c r="H670">
        <v>400</v>
      </c>
      <c r="I670">
        <v>1</v>
      </c>
      <c r="J670">
        <v>0</v>
      </c>
      <c r="K670">
        <v>936555</v>
      </c>
      <c r="L670">
        <v>936556</v>
      </c>
      <c r="M670">
        <v>108</v>
      </c>
      <c r="N670" t="s">
        <v>40</v>
      </c>
      <c r="O670" s="1">
        <v>43688.90902777778</v>
      </c>
      <c r="P670" s="1">
        <v>43688.909722222219</v>
      </c>
    </row>
    <row r="671" spans="1:16" x14ac:dyDescent="0.4">
      <c r="A671">
        <v>4210</v>
      </c>
      <c r="B671">
        <v>213574</v>
      </c>
      <c r="C671" s="1">
        <v>43688</v>
      </c>
      <c r="D671">
        <v>92</v>
      </c>
      <c r="E671">
        <v>73</v>
      </c>
      <c r="F671" t="s">
        <v>120</v>
      </c>
      <c r="G671">
        <v>15</v>
      </c>
      <c r="H671">
        <v>480</v>
      </c>
      <c r="I671">
        <v>1</v>
      </c>
      <c r="J671">
        <v>0</v>
      </c>
      <c r="K671">
        <v>936557</v>
      </c>
      <c r="L671">
        <v>936558</v>
      </c>
      <c r="M671">
        <v>108</v>
      </c>
      <c r="N671" t="s">
        <v>40</v>
      </c>
      <c r="O671" s="1">
        <v>43688.90902777778</v>
      </c>
      <c r="P671" s="1">
        <v>43688.909722222219</v>
      </c>
    </row>
    <row r="672" spans="1:16" x14ac:dyDescent="0.4">
      <c r="A672">
        <v>4211</v>
      </c>
      <c r="B672">
        <v>213571</v>
      </c>
      <c r="C672" s="1">
        <v>43688</v>
      </c>
      <c r="D672">
        <v>295</v>
      </c>
      <c r="E672">
        <v>549</v>
      </c>
      <c r="F672" t="s">
        <v>53</v>
      </c>
      <c r="G672">
        <v>4</v>
      </c>
      <c r="H672">
        <v>500</v>
      </c>
      <c r="I672">
        <v>1</v>
      </c>
      <c r="J672">
        <v>0</v>
      </c>
      <c r="K672">
        <v>936615</v>
      </c>
      <c r="L672">
        <v>936616</v>
      </c>
      <c r="M672">
        <v>107</v>
      </c>
      <c r="N672" t="s">
        <v>172</v>
      </c>
      <c r="O672" s="1">
        <v>43688.989583333336</v>
      </c>
      <c r="P672" s="1">
        <v>43688.989583333336</v>
      </c>
    </row>
    <row r="673" spans="1:16" x14ac:dyDescent="0.4">
      <c r="A673">
        <v>4212</v>
      </c>
      <c r="B673">
        <v>213746</v>
      </c>
      <c r="C673" s="1">
        <v>43690</v>
      </c>
      <c r="D673">
        <v>144</v>
      </c>
      <c r="E673">
        <v>130</v>
      </c>
      <c r="F673" t="s">
        <v>42</v>
      </c>
      <c r="G673">
        <v>2</v>
      </c>
      <c r="H673">
        <v>200</v>
      </c>
      <c r="I673">
        <v>1</v>
      </c>
      <c r="J673">
        <v>0</v>
      </c>
      <c r="K673">
        <v>937290</v>
      </c>
      <c r="L673">
        <v>937291</v>
      </c>
      <c r="M673">
        <v>98</v>
      </c>
      <c r="N673" t="s">
        <v>155</v>
      </c>
      <c r="O673" s="1">
        <v>43690.87777777778</v>
      </c>
      <c r="P673" s="1">
        <v>43690.87777777778</v>
      </c>
    </row>
    <row r="674" spans="1:16" x14ac:dyDescent="0.4">
      <c r="A674">
        <v>4213</v>
      </c>
      <c r="B674">
        <v>213836</v>
      </c>
      <c r="C674" s="1">
        <v>43691</v>
      </c>
      <c r="D674">
        <v>71</v>
      </c>
      <c r="E674">
        <v>52</v>
      </c>
      <c r="F674" t="s">
        <v>23</v>
      </c>
      <c r="G674">
        <v>16</v>
      </c>
      <c r="H674">
        <v>400</v>
      </c>
      <c r="I674">
        <v>1</v>
      </c>
      <c r="J674">
        <v>0</v>
      </c>
      <c r="K674">
        <v>937658</v>
      </c>
      <c r="L674">
        <v>937659</v>
      </c>
      <c r="M674">
        <v>108</v>
      </c>
      <c r="N674" t="s">
        <v>40</v>
      </c>
      <c r="O674" s="1">
        <v>43691.927777777775</v>
      </c>
      <c r="P674" s="1">
        <v>43691.930555555555</v>
      </c>
    </row>
    <row r="675" spans="1:16" x14ac:dyDescent="0.4">
      <c r="A675">
        <v>4214</v>
      </c>
      <c r="B675">
        <v>214575</v>
      </c>
      <c r="C675" s="1">
        <v>43700</v>
      </c>
      <c r="D675">
        <v>71</v>
      </c>
      <c r="E675">
        <v>52</v>
      </c>
      <c r="F675" t="s">
        <v>23</v>
      </c>
      <c r="G675">
        <v>17</v>
      </c>
      <c r="H675">
        <v>400</v>
      </c>
      <c r="I675">
        <v>1</v>
      </c>
      <c r="J675">
        <v>0</v>
      </c>
      <c r="K675">
        <v>940478</v>
      </c>
      <c r="L675">
        <v>940479</v>
      </c>
      <c r="M675">
        <v>108</v>
      </c>
      <c r="N675" t="s">
        <v>40</v>
      </c>
      <c r="O675" s="1">
        <v>43701.135416666664</v>
      </c>
      <c r="P675" s="1">
        <v>43701.135416666664</v>
      </c>
    </row>
    <row r="676" spans="1:16" x14ac:dyDescent="0.4">
      <c r="A676">
        <v>4215</v>
      </c>
      <c r="B676">
        <v>214648</v>
      </c>
      <c r="C676" s="1">
        <v>43701</v>
      </c>
      <c r="D676">
        <v>169</v>
      </c>
      <c r="E676">
        <v>304</v>
      </c>
      <c r="F676" t="s">
        <v>175</v>
      </c>
      <c r="G676">
        <v>19</v>
      </c>
      <c r="H676">
        <v>450</v>
      </c>
      <c r="I676">
        <v>1</v>
      </c>
      <c r="J676">
        <v>0</v>
      </c>
      <c r="K676">
        <v>940834</v>
      </c>
      <c r="L676">
        <v>940835</v>
      </c>
      <c r="M676">
        <v>108</v>
      </c>
      <c r="N676" t="s">
        <v>40</v>
      </c>
      <c r="O676" s="1">
        <v>43701.87222222222</v>
      </c>
      <c r="P676" s="1">
        <v>43701.956250000003</v>
      </c>
    </row>
    <row r="677" spans="1:16" x14ac:dyDescent="0.4">
      <c r="A677">
        <v>4216</v>
      </c>
      <c r="B677">
        <v>214759</v>
      </c>
      <c r="C677" s="1">
        <v>43702</v>
      </c>
      <c r="D677">
        <v>158</v>
      </c>
      <c r="E677">
        <v>117</v>
      </c>
      <c r="F677" t="s">
        <v>20</v>
      </c>
      <c r="G677">
        <v>7</v>
      </c>
      <c r="H677">
        <v>500</v>
      </c>
      <c r="I677">
        <v>1</v>
      </c>
      <c r="J677">
        <v>0</v>
      </c>
      <c r="K677">
        <v>941284</v>
      </c>
      <c r="L677">
        <v>941285</v>
      </c>
      <c r="M677">
        <v>108</v>
      </c>
      <c r="N677" t="s">
        <v>40</v>
      </c>
      <c r="O677" s="1">
        <v>43703.214583333334</v>
      </c>
      <c r="P677" s="1">
        <v>43703.219444444447</v>
      </c>
    </row>
    <row r="678" spans="1:16" x14ac:dyDescent="0.4">
      <c r="A678">
        <v>4217</v>
      </c>
      <c r="B678">
        <v>214919</v>
      </c>
      <c r="C678" s="1">
        <v>43705</v>
      </c>
      <c r="D678">
        <v>304</v>
      </c>
      <c r="E678">
        <v>3126</v>
      </c>
      <c r="F678" t="s">
        <v>176</v>
      </c>
      <c r="G678">
        <v>2</v>
      </c>
      <c r="H678">
        <v>0</v>
      </c>
      <c r="I678">
        <v>1</v>
      </c>
      <c r="J678">
        <v>0</v>
      </c>
      <c r="K678">
        <v>941893</v>
      </c>
      <c r="L678">
        <v>941894</v>
      </c>
      <c r="M678">
        <v>93</v>
      </c>
      <c r="N678" t="s">
        <v>76</v>
      </c>
      <c r="O678" s="1">
        <v>43705.63958333333</v>
      </c>
      <c r="P678" s="1">
        <v>43705.63958333333</v>
      </c>
    </row>
    <row r="679" spans="1:16" x14ac:dyDescent="0.4">
      <c r="A679">
        <v>4218</v>
      </c>
      <c r="B679">
        <v>215283</v>
      </c>
      <c r="C679" s="1">
        <v>43709</v>
      </c>
      <c r="D679">
        <v>125</v>
      </c>
      <c r="E679">
        <v>126</v>
      </c>
      <c r="F679" t="s">
        <v>159</v>
      </c>
      <c r="G679">
        <v>20</v>
      </c>
      <c r="H679">
        <v>280</v>
      </c>
      <c r="I679">
        <v>1</v>
      </c>
      <c r="J679">
        <v>0</v>
      </c>
      <c r="K679">
        <v>943375</v>
      </c>
      <c r="L679">
        <v>943376</v>
      </c>
      <c r="M679">
        <v>97</v>
      </c>
      <c r="N679" t="s">
        <v>163</v>
      </c>
      <c r="O679" s="1">
        <v>43709.493750000001</v>
      </c>
      <c r="P679" s="1">
        <v>43709.542361111111</v>
      </c>
    </row>
    <row r="680" spans="1:16" x14ac:dyDescent="0.4">
      <c r="A680">
        <v>4221</v>
      </c>
      <c r="B680">
        <v>215588</v>
      </c>
      <c r="C680" s="1">
        <v>43714</v>
      </c>
      <c r="D680">
        <v>139</v>
      </c>
      <c r="E680">
        <v>134</v>
      </c>
      <c r="F680" t="s">
        <v>177</v>
      </c>
      <c r="G680">
        <v>17</v>
      </c>
      <c r="H680">
        <v>1380</v>
      </c>
      <c r="I680">
        <v>1</v>
      </c>
      <c r="J680">
        <v>0</v>
      </c>
      <c r="K680">
        <v>944404</v>
      </c>
      <c r="L680">
        <v>944405</v>
      </c>
      <c r="M680">
        <v>84</v>
      </c>
      <c r="N680" t="s">
        <v>79</v>
      </c>
      <c r="O680" s="1">
        <v>43714.890277777777</v>
      </c>
      <c r="P680" s="1">
        <v>43714.893055555556</v>
      </c>
    </row>
    <row r="681" spans="1:16" x14ac:dyDescent="0.4">
      <c r="A681">
        <v>4222</v>
      </c>
      <c r="B681">
        <v>216119</v>
      </c>
      <c r="C681" s="1">
        <v>43722</v>
      </c>
      <c r="D681">
        <v>96</v>
      </c>
      <c r="E681">
        <v>20</v>
      </c>
      <c r="F681" t="s">
        <v>63</v>
      </c>
      <c r="G681">
        <v>17</v>
      </c>
      <c r="H681">
        <v>420</v>
      </c>
      <c r="I681">
        <v>2</v>
      </c>
      <c r="J681">
        <v>0</v>
      </c>
      <c r="K681">
        <v>946531</v>
      </c>
      <c r="L681">
        <v>946532</v>
      </c>
      <c r="M681">
        <v>101</v>
      </c>
      <c r="N681" t="s">
        <v>97</v>
      </c>
      <c r="O681" s="1">
        <v>43722.425000000003</v>
      </c>
      <c r="P681" s="1">
        <v>43722.519444444442</v>
      </c>
    </row>
    <row r="682" spans="1:16" x14ac:dyDescent="0.4">
      <c r="A682">
        <v>4223</v>
      </c>
      <c r="B682">
        <v>216356</v>
      </c>
      <c r="C682" s="1">
        <v>43724</v>
      </c>
      <c r="D682">
        <v>293</v>
      </c>
      <c r="E682">
        <v>548</v>
      </c>
      <c r="F682" t="s">
        <v>178</v>
      </c>
      <c r="G682">
        <v>7</v>
      </c>
      <c r="H682">
        <v>450</v>
      </c>
      <c r="I682">
        <v>3</v>
      </c>
      <c r="J682">
        <v>0</v>
      </c>
      <c r="K682">
        <v>947461</v>
      </c>
      <c r="L682">
        <v>947462</v>
      </c>
      <c r="M682">
        <v>105</v>
      </c>
      <c r="N682" t="s">
        <v>179</v>
      </c>
      <c r="O682" s="1">
        <v>43724.94027777778</v>
      </c>
      <c r="P682" s="1">
        <v>43724.940972222219</v>
      </c>
    </row>
    <row r="683" spans="1:16" x14ac:dyDescent="0.4">
      <c r="A683">
        <v>4224</v>
      </c>
      <c r="B683">
        <v>216356</v>
      </c>
      <c r="C683" s="1">
        <v>43724</v>
      </c>
      <c r="D683">
        <v>294</v>
      </c>
      <c r="E683">
        <v>550</v>
      </c>
      <c r="F683" t="s">
        <v>122</v>
      </c>
      <c r="G683">
        <v>7</v>
      </c>
      <c r="H683">
        <v>500</v>
      </c>
      <c r="I683">
        <v>1</v>
      </c>
      <c r="J683">
        <v>0</v>
      </c>
      <c r="K683">
        <v>947465</v>
      </c>
      <c r="L683">
        <v>947466</v>
      </c>
      <c r="M683">
        <v>105</v>
      </c>
      <c r="N683" t="s">
        <v>179</v>
      </c>
      <c r="O683" s="1">
        <v>43724.94027777778</v>
      </c>
      <c r="P683" s="1">
        <v>43724.944444444445</v>
      </c>
    </row>
    <row r="684" spans="1:16" x14ac:dyDescent="0.4">
      <c r="A684">
        <v>4225</v>
      </c>
      <c r="B684">
        <v>216415</v>
      </c>
      <c r="C684" s="1">
        <v>43725</v>
      </c>
      <c r="D684">
        <v>125</v>
      </c>
      <c r="E684">
        <v>126</v>
      </c>
      <c r="F684" t="s">
        <v>159</v>
      </c>
      <c r="G684">
        <v>5</v>
      </c>
      <c r="H684">
        <v>280</v>
      </c>
      <c r="I684">
        <v>1</v>
      </c>
      <c r="J684">
        <v>0</v>
      </c>
      <c r="K684">
        <v>947684</v>
      </c>
      <c r="L684">
        <v>947685</v>
      </c>
      <c r="M684">
        <v>100</v>
      </c>
      <c r="N684" t="s">
        <v>1</v>
      </c>
      <c r="O684" s="1">
        <v>43726.15902777778</v>
      </c>
      <c r="P684" s="1">
        <v>43726.176388888889</v>
      </c>
    </row>
    <row r="685" spans="1:16" x14ac:dyDescent="0.4">
      <c r="A685">
        <v>4226</v>
      </c>
      <c r="B685">
        <v>216415</v>
      </c>
      <c r="C685" s="1">
        <v>43725</v>
      </c>
      <c r="D685">
        <v>145</v>
      </c>
      <c r="E685">
        <v>132</v>
      </c>
      <c r="F685" t="s">
        <v>74</v>
      </c>
      <c r="G685">
        <v>5</v>
      </c>
      <c r="H685">
        <v>300</v>
      </c>
      <c r="I685">
        <v>1</v>
      </c>
      <c r="J685">
        <v>0</v>
      </c>
      <c r="K685">
        <v>947686</v>
      </c>
      <c r="L685">
        <v>947687</v>
      </c>
      <c r="M685">
        <v>100</v>
      </c>
      <c r="N685" t="s">
        <v>1</v>
      </c>
      <c r="O685" s="1">
        <v>43726.15902777778</v>
      </c>
      <c r="P685" s="1">
        <v>43726.176388888889</v>
      </c>
    </row>
    <row r="686" spans="1:16" x14ac:dyDescent="0.4">
      <c r="A686">
        <v>4227</v>
      </c>
      <c r="B686">
        <v>216417</v>
      </c>
      <c r="C686" s="1">
        <v>43725</v>
      </c>
      <c r="D686">
        <v>145</v>
      </c>
      <c r="E686">
        <v>132</v>
      </c>
      <c r="F686" t="s">
        <v>74</v>
      </c>
      <c r="G686">
        <v>17</v>
      </c>
      <c r="H686">
        <v>300</v>
      </c>
      <c r="I686">
        <v>1</v>
      </c>
      <c r="J686">
        <v>0</v>
      </c>
      <c r="K686">
        <v>947689</v>
      </c>
      <c r="L686">
        <v>947690</v>
      </c>
      <c r="M686">
        <v>100</v>
      </c>
      <c r="N686" t="s">
        <v>1</v>
      </c>
      <c r="O686" s="1">
        <v>43726.195833333331</v>
      </c>
      <c r="P686" s="1">
        <v>43726.199305555558</v>
      </c>
    </row>
    <row r="687" spans="1:16" x14ac:dyDescent="0.4">
      <c r="A687">
        <v>4228</v>
      </c>
      <c r="B687">
        <v>216482</v>
      </c>
      <c r="C687" s="1">
        <v>43727</v>
      </c>
      <c r="D687">
        <v>290</v>
      </c>
      <c r="E687">
        <v>1260</v>
      </c>
      <c r="F687" t="s">
        <v>167</v>
      </c>
      <c r="G687">
        <v>10</v>
      </c>
      <c r="H687">
        <v>400</v>
      </c>
      <c r="I687">
        <v>1</v>
      </c>
      <c r="J687">
        <v>0</v>
      </c>
      <c r="K687">
        <v>947915</v>
      </c>
      <c r="L687">
        <v>947916</v>
      </c>
      <c r="M687">
        <v>96</v>
      </c>
      <c r="N687" t="s">
        <v>7</v>
      </c>
      <c r="O687" s="1">
        <v>43727.649305555555</v>
      </c>
      <c r="P687" s="1">
        <v>43727.650694444441</v>
      </c>
    </row>
    <row r="688" spans="1:16" x14ac:dyDescent="0.4">
      <c r="A688">
        <v>3802</v>
      </c>
      <c r="B688">
        <v>178809</v>
      </c>
      <c r="C688" s="1">
        <v>43176</v>
      </c>
      <c r="D688">
        <v>213</v>
      </c>
      <c r="E688">
        <v>211</v>
      </c>
      <c r="F688" t="s">
        <v>46</v>
      </c>
      <c r="G688">
        <v>6</v>
      </c>
      <c r="H688">
        <v>0</v>
      </c>
      <c r="I688">
        <v>2</v>
      </c>
      <c r="J688">
        <v>0</v>
      </c>
      <c r="K688">
        <v>792034</v>
      </c>
      <c r="L688">
        <v>792035</v>
      </c>
      <c r="M688">
        <v>108</v>
      </c>
      <c r="N688" t="s">
        <v>40</v>
      </c>
      <c r="O688" s="1">
        <v>43176.911805555559</v>
      </c>
      <c r="P688" s="1">
        <v>43176.915277777778</v>
      </c>
    </row>
    <row r="689" spans="1:16" x14ac:dyDescent="0.4">
      <c r="A689">
        <v>3901</v>
      </c>
      <c r="B689">
        <v>191148</v>
      </c>
      <c r="C689" s="1">
        <v>43358</v>
      </c>
      <c r="D689">
        <v>97</v>
      </c>
      <c r="E689">
        <v>21</v>
      </c>
      <c r="F689" t="s">
        <v>117</v>
      </c>
      <c r="G689">
        <v>14</v>
      </c>
      <c r="H689">
        <v>420</v>
      </c>
      <c r="I689">
        <v>1</v>
      </c>
      <c r="J689">
        <v>0</v>
      </c>
      <c r="K689">
        <v>845201</v>
      </c>
      <c r="L689">
        <v>845202</v>
      </c>
      <c r="M689">
        <v>108</v>
      </c>
      <c r="N689" t="s">
        <v>40</v>
      </c>
      <c r="O689" s="1">
        <v>43358.84375</v>
      </c>
      <c r="P689" s="1">
        <v>43358.868750000001</v>
      </c>
    </row>
    <row r="690" spans="1:16" x14ac:dyDescent="0.4">
      <c r="A690">
        <v>3902</v>
      </c>
      <c r="B690">
        <v>191149</v>
      </c>
      <c r="C690" s="1">
        <v>43358</v>
      </c>
      <c r="D690">
        <v>290</v>
      </c>
      <c r="E690">
        <v>1260</v>
      </c>
      <c r="F690" t="s">
        <v>22</v>
      </c>
      <c r="G690">
        <v>6</v>
      </c>
      <c r="H690">
        <v>500</v>
      </c>
      <c r="I690">
        <v>1</v>
      </c>
      <c r="J690">
        <v>0</v>
      </c>
      <c r="K690">
        <v>845212</v>
      </c>
      <c r="L690">
        <v>845213</v>
      </c>
      <c r="M690">
        <v>108</v>
      </c>
      <c r="N690" t="s">
        <v>40</v>
      </c>
      <c r="O690" s="1">
        <v>43358.865972222222</v>
      </c>
      <c r="P690" s="1">
        <v>43358.879861111112</v>
      </c>
    </row>
    <row r="691" spans="1:16" x14ac:dyDescent="0.4">
      <c r="A691">
        <v>4229</v>
      </c>
      <c r="B691">
        <v>216815</v>
      </c>
      <c r="C691" s="1">
        <v>43731</v>
      </c>
      <c r="D691">
        <v>127</v>
      </c>
      <c r="E691">
        <v>136</v>
      </c>
      <c r="F691" t="s">
        <v>32</v>
      </c>
      <c r="G691">
        <v>9</v>
      </c>
      <c r="H691">
        <v>600</v>
      </c>
      <c r="I691">
        <v>1</v>
      </c>
      <c r="J691">
        <v>0</v>
      </c>
      <c r="K691">
        <v>949264</v>
      </c>
      <c r="L691">
        <v>949265</v>
      </c>
      <c r="M691">
        <v>96</v>
      </c>
      <c r="N691" t="s">
        <v>7</v>
      </c>
      <c r="O691" s="1">
        <v>43731.615972222222</v>
      </c>
      <c r="P691" s="1">
        <v>43731.616666666669</v>
      </c>
    </row>
    <row r="692" spans="1:16" x14ac:dyDescent="0.4">
      <c r="A692">
        <v>4230</v>
      </c>
      <c r="B692">
        <v>217214</v>
      </c>
      <c r="C692" s="1">
        <v>43737</v>
      </c>
      <c r="D692">
        <v>125</v>
      </c>
      <c r="E692">
        <v>126</v>
      </c>
      <c r="F692" t="s">
        <v>159</v>
      </c>
      <c r="G692">
        <v>9</v>
      </c>
      <c r="H692">
        <v>280</v>
      </c>
      <c r="I692">
        <v>1</v>
      </c>
      <c r="J692">
        <v>0</v>
      </c>
      <c r="K692">
        <v>950922</v>
      </c>
      <c r="L692">
        <v>950923</v>
      </c>
      <c r="M692">
        <v>101</v>
      </c>
      <c r="N692" t="s">
        <v>97</v>
      </c>
      <c r="O692" s="1">
        <v>43737.622916666667</v>
      </c>
      <c r="P692" s="1">
        <v>43737.627083333333</v>
      </c>
    </row>
    <row r="693" spans="1:16" x14ac:dyDescent="0.4">
      <c r="A693">
        <v>4231</v>
      </c>
      <c r="B693">
        <v>217261</v>
      </c>
      <c r="C693" s="1">
        <v>43737</v>
      </c>
      <c r="D693">
        <v>174</v>
      </c>
      <c r="E693">
        <v>320</v>
      </c>
      <c r="F693" t="s">
        <v>47</v>
      </c>
      <c r="G693">
        <v>4</v>
      </c>
      <c r="H693">
        <v>380</v>
      </c>
      <c r="I693">
        <v>1</v>
      </c>
      <c r="J693">
        <v>0</v>
      </c>
      <c r="K693">
        <v>951089</v>
      </c>
      <c r="L693">
        <v>951090</v>
      </c>
      <c r="M693">
        <v>108</v>
      </c>
      <c r="N693" t="s">
        <v>40</v>
      </c>
      <c r="O693" s="1">
        <v>43738.172222222223</v>
      </c>
      <c r="P693" s="1">
        <v>43738.200694444444</v>
      </c>
    </row>
    <row r="694" spans="1:16" x14ac:dyDescent="0.4">
      <c r="A694">
        <v>4232</v>
      </c>
      <c r="B694">
        <v>217261</v>
      </c>
      <c r="C694" s="1">
        <v>43737</v>
      </c>
      <c r="D694">
        <v>213</v>
      </c>
      <c r="E694">
        <v>211</v>
      </c>
      <c r="F694" t="s">
        <v>180</v>
      </c>
      <c r="G694">
        <v>4</v>
      </c>
      <c r="H694">
        <v>0</v>
      </c>
      <c r="I694">
        <v>2</v>
      </c>
      <c r="J694">
        <v>0</v>
      </c>
      <c r="K694">
        <v>951091</v>
      </c>
      <c r="L694">
        <v>951092</v>
      </c>
      <c r="M694">
        <v>108</v>
      </c>
      <c r="N694" t="s">
        <v>40</v>
      </c>
      <c r="O694" s="1">
        <v>43738.054861111108</v>
      </c>
      <c r="P694" s="1">
        <v>43738.200694444444</v>
      </c>
    </row>
    <row r="695" spans="1:16" x14ac:dyDescent="0.4">
      <c r="A695">
        <v>4233</v>
      </c>
      <c r="B695">
        <v>217465</v>
      </c>
      <c r="C695" s="1">
        <v>43741</v>
      </c>
      <c r="D695">
        <v>126</v>
      </c>
      <c r="E695">
        <v>138</v>
      </c>
      <c r="F695" t="s">
        <v>181</v>
      </c>
      <c r="G695">
        <v>14</v>
      </c>
      <c r="H695">
        <v>380</v>
      </c>
      <c r="I695">
        <v>1</v>
      </c>
      <c r="J695">
        <v>0</v>
      </c>
      <c r="K695">
        <v>951807</v>
      </c>
      <c r="L695">
        <v>951808</v>
      </c>
      <c r="M695">
        <v>108</v>
      </c>
      <c r="N695" t="s">
        <v>40</v>
      </c>
      <c r="O695" s="1">
        <v>43742.15625</v>
      </c>
      <c r="P695" s="1">
        <v>43742.15625</v>
      </c>
    </row>
    <row r="696" spans="1:16" x14ac:dyDescent="0.4">
      <c r="A696">
        <v>4234</v>
      </c>
      <c r="B696">
        <v>217528</v>
      </c>
      <c r="C696" s="1">
        <v>43742</v>
      </c>
      <c r="D696">
        <v>145</v>
      </c>
      <c r="E696">
        <v>132</v>
      </c>
      <c r="F696" t="s">
        <v>74</v>
      </c>
      <c r="G696">
        <v>3</v>
      </c>
      <c r="H696">
        <v>300</v>
      </c>
      <c r="I696">
        <v>1</v>
      </c>
      <c r="J696">
        <v>0</v>
      </c>
      <c r="K696">
        <v>952000</v>
      </c>
      <c r="L696">
        <v>952001</v>
      </c>
      <c r="M696">
        <v>108</v>
      </c>
      <c r="N696" t="s">
        <v>40</v>
      </c>
      <c r="O696" s="1">
        <v>43742.908333333333</v>
      </c>
      <c r="P696" s="1">
        <v>43742.910416666666</v>
      </c>
    </row>
    <row r="697" spans="1:16" x14ac:dyDescent="0.4">
      <c r="A697">
        <v>4235</v>
      </c>
      <c r="B697">
        <v>217832</v>
      </c>
      <c r="C697" s="1">
        <v>43746</v>
      </c>
      <c r="D697">
        <v>145</v>
      </c>
      <c r="E697">
        <v>132</v>
      </c>
      <c r="F697" t="s">
        <v>74</v>
      </c>
      <c r="G697">
        <v>8</v>
      </c>
      <c r="H697">
        <v>300</v>
      </c>
      <c r="I697">
        <v>1</v>
      </c>
      <c r="J697">
        <v>0</v>
      </c>
      <c r="K697">
        <v>953210</v>
      </c>
      <c r="L697">
        <v>953211</v>
      </c>
      <c r="M697">
        <v>100</v>
      </c>
      <c r="N697" t="s">
        <v>1</v>
      </c>
      <c r="O697" s="1">
        <v>43747.056250000001</v>
      </c>
      <c r="P697" s="1">
        <v>43747.084722222222</v>
      </c>
    </row>
    <row r="698" spans="1:16" x14ac:dyDescent="0.4">
      <c r="A698">
        <v>4236</v>
      </c>
      <c r="B698">
        <v>217832</v>
      </c>
      <c r="C698" s="1">
        <v>43746</v>
      </c>
      <c r="D698">
        <v>167</v>
      </c>
      <c r="E698">
        <v>305</v>
      </c>
      <c r="F698" t="s">
        <v>82</v>
      </c>
      <c r="G698">
        <v>8</v>
      </c>
      <c r="H698">
        <v>500</v>
      </c>
      <c r="I698">
        <v>1</v>
      </c>
      <c r="J698">
        <v>0</v>
      </c>
      <c r="K698">
        <v>953212</v>
      </c>
      <c r="L698">
        <v>953213</v>
      </c>
      <c r="M698">
        <v>100</v>
      </c>
      <c r="N698" t="s">
        <v>1</v>
      </c>
      <c r="O698" s="1">
        <v>43747.080555555556</v>
      </c>
      <c r="P698" s="1">
        <v>43747.085416666669</v>
      </c>
    </row>
    <row r="699" spans="1:16" x14ac:dyDescent="0.4">
      <c r="A699">
        <v>4237</v>
      </c>
      <c r="B699">
        <v>217833</v>
      </c>
      <c r="C699" s="1">
        <v>43746</v>
      </c>
      <c r="D699">
        <v>309</v>
      </c>
      <c r="E699">
        <v>1267</v>
      </c>
      <c r="F699" t="s">
        <v>182</v>
      </c>
      <c r="G699">
        <v>13</v>
      </c>
      <c r="H699">
        <v>380</v>
      </c>
      <c r="I699">
        <v>1</v>
      </c>
      <c r="J699">
        <v>0</v>
      </c>
      <c r="K699">
        <v>953226</v>
      </c>
      <c r="L699">
        <v>953227</v>
      </c>
      <c r="M699">
        <v>100</v>
      </c>
      <c r="N699" t="s">
        <v>1</v>
      </c>
      <c r="O699" s="1">
        <v>43747.116666666669</v>
      </c>
      <c r="P699" s="1">
        <v>43747.123611111114</v>
      </c>
    </row>
    <row r="700" spans="1:16" x14ac:dyDescent="0.4">
      <c r="A700">
        <v>4238</v>
      </c>
      <c r="B700">
        <v>217833</v>
      </c>
      <c r="C700" s="1">
        <v>43746</v>
      </c>
      <c r="D700">
        <v>125</v>
      </c>
      <c r="E700">
        <v>126</v>
      </c>
      <c r="F700" t="s">
        <v>159</v>
      </c>
      <c r="G700">
        <v>13</v>
      </c>
      <c r="H700">
        <v>280</v>
      </c>
      <c r="I700">
        <v>1</v>
      </c>
      <c r="J700">
        <v>0</v>
      </c>
      <c r="K700">
        <v>953229</v>
      </c>
      <c r="L700">
        <v>953230</v>
      </c>
      <c r="M700">
        <v>100</v>
      </c>
      <c r="N700" t="s">
        <v>1</v>
      </c>
      <c r="O700" s="1">
        <v>43747.123611111114</v>
      </c>
      <c r="P700" s="1">
        <v>43747.123611111114</v>
      </c>
    </row>
    <row r="701" spans="1:16" x14ac:dyDescent="0.4">
      <c r="A701">
        <v>4239</v>
      </c>
      <c r="B701">
        <v>217833</v>
      </c>
      <c r="C701" s="1">
        <v>43746</v>
      </c>
      <c r="D701">
        <v>127</v>
      </c>
      <c r="E701">
        <v>136</v>
      </c>
      <c r="F701" t="s">
        <v>32</v>
      </c>
      <c r="G701">
        <v>13</v>
      </c>
      <c r="H701">
        <v>600</v>
      </c>
      <c r="I701">
        <v>1</v>
      </c>
      <c r="J701">
        <v>0</v>
      </c>
      <c r="K701">
        <v>953234</v>
      </c>
      <c r="L701">
        <v>953235</v>
      </c>
      <c r="M701">
        <v>100</v>
      </c>
      <c r="N701" t="s">
        <v>1</v>
      </c>
      <c r="O701" s="1">
        <v>43747.124305555553</v>
      </c>
      <c r="P701" s="1">
        <v>43747.13958333333</v>
      </c>
    </row>
    <row r="702" spans="1:16" x14ac:dyDescent="0.4">
      <c r="A702">
        <v>4240</v>
      </c>
      <c r="B702">
        <v>217827</v>
      </c>
      <c r="C702" s="1">
        <v>43746</v>
      </c>
      <c r="D702">
        <v>57</v>
      </c>
      <c r="E702">
        <v>30</v>
      </c>
      <c r="F702" t="s">
        <v>60</v>
      </c>
      <c r="G702">
        <v>19</v>
      </c>
      <c r="H702">
        <v>320</v>
      </c>
      <c r="I702">
        <v>1</v>
      </c>
      <c r="J702">
        <v>0</v>
      </c>
      <c r="K702">
        <v>953250</v>
      </c>
      <c r="L702">
        <v>953251</v>
      </c>
      <c r="M702">
        <v>94</v>
      </c>
      <c r="N702" t="s">
        <v>183</v>
      </c>
      <c r="O702" s="1">
        <v>43747.115277777775</v>
      </c>
      <c r="P702" s="1">
        <v>43747.25</v>
      </c>
    </row>
    <row r="703" spans="1:16" x14ac:dyDescent="0.4">
      <c r="A703">
        <v>4241</v>
      </c>
      <c r="B703">
        <v>217827</v>
      </c>
      <c r="C703" s="1">
        <v>43746</v>
      </c>
      <c r="D703">
        <v>57</v>
      </c>
      <c r="E703">
        <v>30</v>
      </c>
      <c r="F703" t="s">
        <v>60</v>
      </c>
      <c r="G703">
        <v>19</v>
      </c>
      <c r="H703">
        <v>320</v>
      </c>
      <c r="I703">
        <v>1</v>
      </c>
      <c r="J703">
        <v>0</v>
      </c>
      <c r="K703">
        <v>953252</v>
      </c>
      <c r="L703">
        <v>953253</v>
      </c>
      <c r="M703">
        <v>94</v>
      </c>
      <c r="N703" t="s">
        <v>183</v>
      </c>
      <c r="O703" s="1">
        <v>43747.073611111111</v>
      </c>
      <c r="P703" s="1">
        <v>43747.25</v>
      </c>
    </row>
    <row r="704" spans="1:16" x14ac:dyDescent="0.4">
      <c r="A704">
        <v>4242</v>
      </c>
      <c r="B704">
        <v>217996</v>
      </c>
      <c r="C704" s="1">
        <v>43749</v>
      </c>
      <c r="D704">
        <v>290</v>
      </c>
      <c r="E704">
        <v>1260</v>
      </c>
      <c r="F704" t="s">
        <v>167</v>
      </c>
      <c r="G704">
        <v>15</v>
      </c>
      <c r="H704">
        <v>400</v>
      </c>
      <c r="I704">
        <v>1</v>
      </c>
      <c r="J704">
        <v>0</v>
      </c>
      <c r="K704">
        <v>953857</v>
      </c>
      <c r="L704">
        <v>953858</v>
      </c>
      <c r="M704">
        <v>108</v>
      </c>
      <c r="N704" t="s">
        <v>40</v>
      </c>
      <c r="O704" s="1">
        <v>43749.875</v>
      </c>
      <c r="P704" s="1">
        <v>43749.947222222225</v>
      </c>
    </row>
    <row r="705" spans="1:16" x14ac:dyDescent="0.4">
      <c r="A705">
        <v>4243</v>
      </c>
      <c r="B705">
        <v>218012</v>
      </c>
      <c r="C705" s="1">
        <v>43749</v>
      </c>
      <c r="D705">
        <v>142</v>
      </c>
      <c r="E705">
        <v>125</v>
      </c>
      <c r="F705" t="s">
        <v>31</v>
      </c>
      <c r="G705">
        <v>3</v>
      </c>
      <c r="H705">
        <v>350</v>
      </c>
      <c r="I705">
        <v>1</v>
      </c>
      <c r="J705">
        <v>0</v>
      </c>
      <c r="K705">
        <v>953922</v>
      </c>
      <c r="L705">
        <v>953923</v>
      </c>
      <c r="M705">
        <v>108</v>
      </c>
      <c r="N705" t="s">
        <v>40</v>
      </c>
      <c r="O705" s="1">
        <v>43750.001388888886</v>
      </c>
      <c r="P705" s="1">
        <v>43750.001388888886</v>
      </c>
    </row>
    <row r="706" spans="1:16" x14ac:dyDescent="0.4">
      <c r="A706">
        <v>4244</v>
      </c>
      <c r="B706">
        <v>218021</v>
      </c>
      <c r="C706" s="1">
        <v>43749</v>
      </c>
      <c r="D706">
        <v>157</v>
      </c>
      <c r="E706">
        <v>113</v>
      </c>
      <c r="F706" t="s">
        <v>59</v>
      </c>
      <c r="G706">
        <v>8</v>
      </c>
      <c r="H706">
        <v>550</v>
      </c>
      <c r="I706">
        <v>1</v>
      </c>
      <c r="J706">
        <v>0</v>
      </c>
      <c r="K706">
        <v>953955</v>
      </c>
      <c r="L706">
        <v>953956</v>
      </c>
      <c r="M706">
        <v>84</v>
      </c>
      <c r="N706" t="s">
        <v>79</v>
      </c>
      <c r="O706" s="1">
        <v>43750.040277777778</v>
      </c>
      <c r="P706" s="1">
        <v>43750.040972222225</v>
      </c>
    </row>
    <row r="707" spans="1:16" x14ac:dyDescent="0.4">
      <c r="A707">
        <v>4246</v>
      </c>
      <c r="B707">
        <v>218116</v>
      </c>
      <c r="C707" s="1">
        <v>43751</v>
      </c>
      <c r="D707">
        <v>98</v>
      </c>
      <c r="E707">
        <v>22</v>
      </c>
      <c r="F707" t="s">
        <v>121</v>
      </c>
      <c r="G707">
        <v>7</v>
      </c>
      <c r="H707">
        <v>580</v>
      </c>
      <c r="I707">
        <v>1</v>
      </c>
      <c r="J707">
        <v>0</v>
      </c>
      <c r="K707">
        <v>954334</v>
      </c>
      <c r="L707">
        <v>954335</v>
      </c>
      <c r="M707">
        <v>90</v>
      </c>
      <c r="N707" t="s">
        <v>158</v>
      </c>
      <c r="O707" s="1">
        <v>43751.748611111114</v>
      </c>
      <c r="P707" s="1">
        <v>43751.748611111114</v>
      </c>
    </row>
    <row r="708" spans="1:16" x14ac:dyDescent="0.4">
      <c r="A708">
        <v>4247</v>
      </c>
      <c r="B708">
        <v>218116</v>
      </c>
      <c r="C708" s="1">
        <v>43751</v>
      </c>
      <c r="D708">
        <v>98</v>
      </c>
      <c r="E708">
        <v>22</v>
      </c>
      <c r="F708" t="s">
        <v>121</v>
      </c>
      <c r="G708">
        <v>7</v>
      </c>
      <c r="H708">
        <v>580</v>
      </c>
      <c r="I708">
        <v>1</v>
      </c>
      <c r="J708">
        <v>0</v>
      </c>
      <c r="K708">
        <v>954336</v>
      </c>
      <c r="L708">
        <v>954337</v>
      </c>
      <c r="M708">
        <v>90</v>
      </c>
      <c r="N708" t="s">
        <v>158</v>
      </c>
      <c r="O708" s="1">
        <v>43751.748611111114</v>
      </c>
      <c r="P708" s="1">
        <v>43751.748611111114</v>
      </c>
    </row>
    <row r="709" spans="1:16" x14ac:dyDescent="0.4">
      <c r="A709">
        <v>4248</v>
      </c>
      <c r="B709">
        <v>218116</v>
      </c>
      <c r="C709" s="1">
        <v>43751</v>
      </c>
      <c r="D709">
        <v>98</v>
      </c>
      <c r="E709">
        <v>22</v>
      </c>
      <c r="F709" t="s">
        <v>121</v>
      </c>
      <c r="G709">
        <v>7</v>
      </c>
      <c r="H709">
        <v>580</v>
      </c>
      <c r="I709">
        <v>1</v>
      </c>
      <c r="J709">
        <v>0</v>
      </c>
      <c r="K709">
        <v>954338</v>
      </c>
      <c r="L709">
        <v>954339</v>
      </c>
      <c r="M709">
        <v>90</v>
      </c>
      <c r="N709" t="s">
        <v>158</v>
      </c>
      <c r="O709" s="1">
        <v>43751.748611111114</v>
      </c>
      <c r="P709" s="1">
        <v>43751.748611111114</v>
      </c>
    </row>
    <row r="710" spans="1:16" x14ac:dyDescent="0.4">
      <c r="A710">
        <v>4249</v>
      </c>
      <c r="B710">
        <v>218116</v>
      </c>
      <c r="C710" s="1">
        <v>43751</v>
      </c>
      <c r="D710">
        <v>143</v>
      </c>
      <c r="E710">
        <v>123</v>
      </c>
      <c r="F710" t="s">
        <v>168</v>
      </c>
      <c r="G710">
        <v>7</v>
      </c>
      <c r="H710">
        <v>350</v>
      </c>
      <c r="I710">
        <v>1</v>
      </c>
      <c r="J710">
        <v>0</v>
      </c>
      <c r="K710">
        <v>954400</v>
      </c>
      <c r="L710">
        <v>954401</v>
      </c>
      <c r="M710">
        <v>82</v>
      </c>
      <c r="N710" t="s">
        <v>184</v>
      </c>
      <c r="O710" s="1">
        <v>43751.854166666664</v>
      </c>
      <c r="P710" s="1">
        <v>43751.863888888889</v>
      </c>
    </row>
    <row r="711" spans="1:16" x14ac:dyDescent="0.4">
      <c r="A711">
        <v>4250</v>
      </c>
      <c r="B711">
        <v>218215</v>
      </c>
      <c r="C711" s="1">
        <v>43752</v>
      </c>
      <c r="D711">
        <v>295</v>
      </c>
      <c r="E711">
        <v>549</v>
      </c>
      <c r="F711" t="s">
        <v>53</v>
      </c>
      <c r="G711">
        <v>4</v>
      </c>
      <c r="H711">
        <v>500</v>
      </c>
      <c r="I711">
        <v>1</v>
      </c>
      <c r="J711">
        <v>0</v>
      </c>
      <c r="K711">
        <v>954763</v>
      </c>
      <c r="L711">
        <v>954764</v>
      </c>
      <c r="M711">
        <v>100</v>
      </c>
      <c r="N711" t="s">
        <v>1</v>
      </c>
      <c r="O711" s="1">
        <v>43753.191666666666</v>
      </c>
      <c r="P711" s="1">
        <v>43753.209722222222</v>
      </c>
    </row>
    <row r="712" spans="1:16" x14ac:dyDescent="0.4">
      <c r="A712">
        <v>4253</v>
      </c>
      <c r="B712">
        <v>218215</v>
      </c>
      <c r="C712" s="1">
        <v>43752</v>
      </c>
      <c r="D712">
        <v>153</v>
      </c>
      <c r="E712">
        <v>151</v>
      </c>
      <c r="F712" t="s">
        <v>108</v>
      </c>
      <c r="G712">
        <v>4</v>
      </c>
      <c r="H712">
        <v>420</v>
      </c>
      <c r="I712">
        <v>1</v>
      </c>
      <c r="J712">
        <v>0</v>
      </c>
      <c r="K712">
        <v>954773</v>
      </c>
      <c r="L712">
        <v>954774</v>
      </c>
      <c r="M712">
        <v>94</v>
      </c>
      <c r="N712" t="s">
        <v>183</v>
      </c>
      <c r="O712" s="1">
        <v>43753.115972222222</v>
      </c>
      <c r="P712" s="1">
        <v>43753.246527777781</v>
      </c>
    </row>
    <row r="713" spans="1:16" x14ac:dyDescent="0.4">
      <c r="A713">
        <v>4254</v>
      </c>
      <c r="B713">
        <v>218215</v>
      </c>
      <c r="C713" s="1">
        <v>43752</v>
      </c>
      <c r="D713">
        <v>166</v>
      </c>
      <c r="E713">
        <v>322</v>
      </c>
      <c r="F713" t="s">
        <v>51</v>
      </c>
      <c r="G713">
        <v>4</v>
      </c>
      <c r="H713">
        <v>550</v>
      </c>
      <c r="I713">
        <v>1</v>
      </c>
      <c r="J713">
        <v>0</v>
      </c>
      <c r="K713">
        <v>954775</v>
      </c>
      <c r="L713">
        <v>954776</v>
      </c>
      <c r="M713">
        <v>94</v>
      </c>
      <c r="N713" t="s">
        <v>183</v>
      </c>
      <c r="O713" s="1">
        <v>43753.15902777778</v>
      </c>
      <c r="P713" s="1">
        <v>43753.246527777781</v>
      </c>
    </row>
    <row r="714" spans="1:16" x14ac:dyDescent="0.4">
      <c r="A714">
        <v>4255</v>
      </c>
      <c r="B714">
        <v>218215</v>
      </c>
      <c r="C714" s="1">
        <v>43752</v>
      </c>
      <c r="D714">
        <v>158</v>
      </c>
      <c r="E714">
        <v>117</v>
      </c>
      <c r="F714" t="s">
        <v>20</v>
      </c>
      <c r="G714">
        <v>4</v>
      </c>
      <c r="H714">
        <v>500</v>
      </c>
      <c r="I714">
        <v>1</v>
      </c>
      <c r="J714">
        <v>0</v>
      </c>
      <c r="K714">
        <v>954777</v>
      </c>
      <c r="L714">
        <v>954778</v>
      </c>
      <c r="M714">
        <v>94</v>
      </c>
      <c r="N714" t="s">
        <v>183</v>
      </c>
      <c r="O714" s="1">
        <v>43753.15902777778</v>
      </c>
      <c r="P714" s="1">
        <v>43753.246527777781</v>
      </c>
    </row>
    <row r="715" spans="1:16" x14ac:dyDescent="0.4">
      <c r="A715">
        <v>4256</v>
      </c>
      <c r="B715">
        <v>218256</v>
      </c>
      <c r="C715" s="1">
        <v>43753</v>
      </c>
      <c r="D715">
        <v>213</v>
      </c>
      <c r="E715">
        <v>211</v>
      </c>
      <c r="F715" t="s">
        <v>180</v>
      </c>
      <c r="G715">
        <v>4</v>
      </c>
      <c r="H715">
        <v>0</v>
      </c>
      <c r="I715">
        <v>3</v>
      </c>
      <c r="J715">
        <v>0</v>
      </c>
      <c r="K715">
        <v>954891</v>
      </c>
      <c r="L715">
        <v>954892</v>
      </c>
      <c r="M715">
        <v>107</v>
      </c>
      <c r="N715" t="s">
        <v>172</v>
      </c>
      <c r="O715" s="1">
        <v>43753.802777777775</v>
      </c>
      <c r="P715" s="1">
        <v>43753.80972222222</v>
      </c>
    </row>
    <row r="716" spans="1:16" x14ac:dyDescent="0.4">
      <c r="A716">
        <v>4257</v>
      </c>
      <c r="B716">
        <v>218256</v>
      </c>
      <c r="C716" s="1">
        <v>43753</v>
      </c>
      <c r="D716">
        <v>113</v>
      </c>
      <c r="E716">
        <v>81</v>
      </c>
      <c r="F716" t="s">
        <v>171</v>
      </c>
      <c r="G716">
        <v>4</v>
      </c>
      <c r="H716">
        <v>400</v>
      </c>
      <c r="I716">
        <v>1</v>
      </c>
      <c r="J716">
        <v>0</v>
      </c>
      <c r="K716">
        <v>954893</v>
      </c>
      <c r="L716">
        <v>954894</v>
      </c>
      <c r="M716">
        <v>107</v>
      </c>
      <c r="N716" t="s">
        <v>172</v>
      </c>
      <c r="O716" s="1">
        <v>43753.806944444441</v>
      </c>
      <c r="P716" s="1">
        <v>43753.810416666667</v>
      </c>
    </row>
    <row r="717" spans="1:16" x14ac:dyDescent="0.4">
      <c r="A717">
        <v>4258</v>
      </c>
      <c r="B717">
        <v>218405</v>
      </c>
      <c r="C717" s="1">
        <v>43756</v>
      </c>
      <c r="D717">
        <v>154</v>
      </c>
      <c r="E717">
        <v>152</v>
      </c>
      <c r="F717" t="s">
        <v>130</v>
      </c>
      <c r="G717">
        <v>8</v>
      </c>
      <c r="H717">
        <v>450</v>
      </c>
      <c r="I717">
        <v>1</v>
      </c>
      <c r="J717">
        <v>0</v>
      </c>
      <c r="K717">
        <v>955489</v>
      </c>
      <c r="L717">
        <v>955490</v>
      </c>
      <c r="M717">
        <v>98</v>
      </c>
      <c r="N717" t="s">
        <v>155</v>
      </c>
      <c r="O717" s="1">
        <v>43756.836805555555</v>
      </c>
      <c r="P717" s="1">
        <v>43756.847916666666</v>
      </c>
    </row>
    <row r="718" spans="1:16" x14ac:dyDescent="0.4">
      <c r="A718">
        <v>4260</v>
      </c>
      <c r="B718">
        <v>218516</v>
      </c>
      <c r="C718" s="1">
        <v>43757</v>
      </c>
      <c r="D718">
        <v>280</v>
      </c>
      <c r="E718">
        <v>1266</v>
      </c>
      <c r="F718" t="s">
        <v>162</v>
      </c>
      <c r="G718">
        <v>17</v>
      </c>
      <c r="H718">
        <v>540</v>
      </c>
      <c r="I718">
        <v>1</v>
      </c>
      <c r="J718">
        <v>0</v>
      </c>
      <c r="K718">
        <v>955983</v>
      </c>
      <c r="L718">
        <v>955984</v>
      </c>
      <c r="M718">
        <v>108</v>
      </c>
      <c r="N718" t="s">
        <v>40</v>
      </c>
      <c r="O718" s="1">
        <v>43757.927777777775</v>
      </c>
      <c r="P718" s="1">
        <v>43757.927777777775</v>
      </c>
    </row>
    <row r="719" spans="1:16" x14ac:dyDescent="0.4">
      <c r="A719">
        <v>4261</v>
      </c>
      <c r="B719">
        <v>218727</v>
      </c>
      <c r="C719" s="1">
        <v>43760</v>
      </c>
      <c r="D719">
        <v>121</v>
      </c>
      <c r="E719">
        <v>139</v>
      </c>
      <c r="F719" t="s">
        <v>164</v>
      </c>
      <c r="G719">
        <v>19</v>
      </c>
      <c r="H719">
        <v>280</v>
      </c>
      <c r="I719">
        <v>140</v>
      </c>
      <c r="J719">
        <v>1</v>
      </c>
      <c r="K719">
        <v>956837</v>
      </c>
      <c r="L719">
        <v>956838</v>
      </c>
      <c r="M719">
        <v>90</v>
      </c>
      <c r="N719" t="s">
        <v>158</v>
      </c>
      <c r="O719" s="1">
        <v>43760.648611111108</v>
      </c>
      <c r="P719" s="1">
        <v>43760.652777777781</v>
      </c>
    </row>
    <row r="720" spans="1:16" x14ac:dyDescent="0.4">
      <c r="A720">
        <v>4262</v>
      </c>
      <c r="B720">
        <v>218751</v>
      </c>
      <c r="C720" s="1">
        <v>43760</v>
      </c>
      <c r="D720">
        <v>213</v>
      </c>
      <c r="E720">
        <v>211</v>
      </c>
      <c r="F720" t="s">
        <v>180</v>
      </c>
      <c r="G720">
        <v>8</v>
      </c>
      <c r="H720">
        <v>0</v>
      </c>
      <c r="I720">
        <v>1</v>
      </c>
      <c r="J720">
        <v>0</v>
      </c>
      <c r="K720">
        <v>956963</v>
      </c>
      <c r="L720">
        <v>956964</v>
      </c>
      <c r="M720">
        <v>98</v>
      </c>
      <c r="N720" t="s">
        <v>155</v>
      </c>
      <c r="O720" s="1">
        <v>43760.9</v>
      </c>
      <c r="P720" s="1">
        <v>43760.947916666664</v>
      </c>
    </row>
    <row r="721" spans="1:16" x14ac:dyDescent="0.4">
      <c r="A721">
        <v>4263</v>
      </c>
      <c r="B721">
        <v>218751</v>
      </c>
      <c r="C721" s="1">
        <v>43760</v>
      </c>
      <c r="D721">
        <v>213</v>
      </c>
      <c r="E721">
        <v>211</v>
      </c>
      <c r="F721" t="s">
        <v>180</v>
      </c>
      <c r="G721">
        <v>8</v>
      </c>
      <c r="H721">
        <v>0</v>
      </c>
      <c r="I721">
        <v>1</v>
      </c>
      <c r="J721">
        <v>0</v>
      </c>
      <c r="K721">
        <v>956965</v>
      </c>
      <c r="L721">
        <v>956966</v>
      </c>
      <c r="M721">
        <v>98</v>
      </c>
      <c r="N721" t="s">
        <v>155</v>
      </c>
      <c r="O721" s="1">
        <v>43760.870138888888</v>
      </c>
      <c r="P721" s="1">
        <v>43760.947916666664</v>
      </c>
    </row>
    <row r="722" spans="1:16" x14ac:dyDescent="0.4">
      <c r="A722">
        <v>4264</v>
      </c>
      <c r="B722">
        <v>218806</v>
      </c>
      <c r="C722" s="1">
        <v>43761</v>
      </c>
      <c r="D722">
        <v>295</v>
      </c>
      <c r="E722">
        <v>549</v>
      </c>
      <c r="F722" t="s">
        <v>53</v>
      </c>
      <c r="G722">
        <v>1</v>
      </c>
      <c r="H722">
        <v>500</v>
      </c>
      <c r="I722">
        <v>1</v>
      </c>
      <c r="J722">
        <v>0</v>
      </c>
      <c r="K722">
        <v>957153</v>
      </c>
      <c r="L722">
        <v>957154</v>
      </c>
      <c r="M722">
        <v>70</v>
      </c>
      <c r="N722" t="s">
        <v>17</v>
      </c>
      <c r="O722" s="1">
        <v>43762.209027777775</v>
      </c>
      <c r="P722" s="1">
        <v>43762.213888888888</v>
      </c>
    </row>
    <row r="723" spans="1:16" x14ac:dyDescent="0.4">
      <c r="A723">
        <v>4265</v>
      </c>
      <c r="B723">
        <v>218806</v>
      </c>
      <c r="C723" s="1">
        <v>43761</v>
      </c>
      <c r="D723">
        <v>174</v>
      </c>
      <c r="E723">
        <v>320</v>
      </c>
      <c r="F723" t="s">
        <v>47</v>
      </c>
      <c r="G723">
        <v>1</v>
      </c>
      <c r="H723">
        <v>380</v>
      </c>
      <c r="I723">
        <v>1</v>
      </c>
      <c r="J723">
        <v>0</v>
      </c>
      <c r="K723">
        <v>957156</v>
      </c>
      <c r="L723">
        <v>957157</v>
      </c>
      <c r="M723">
        <v>70</v>
      </c>
      <c r="N723" t="s">
        <v>17</v>
      </c>
      <c r="O723" s="1">
        <v>43762.214583333334</v>
      </c>
      <c r="P723" s="1">
        <v>43762.215277777781</v>
      </c>
    </row>
    <row r="724" spans="1:16" x14ac:dyDescent="0.4">
      <c r="A724">
        <v>4266</v>
      </c>
      <c r="B724">
        <v>218960</v>
      </c>
      <c r="C724" s="1">
        <v>43764</v>
      </c>
      <c r="D724">
        <v>124</v>
      </c>
      <c r="E724">
        <v>141</v>
      </c>
      <c r="F724" t="s">
        <v>185</v>
      </c>
      <c r="G724">
        <v>7</v>
      </c>
      <c r="H724">
        <v>250</v>
      </c>
      <c r="I724">
        <v>1</v>
      </c>
      <c r="J724">
        <v>0</v>
      </c>
      <c r="K724">
        <v>957700</v>
      </c>
      <c r="L724">
        <v>957701</v>
      </c>
      <c r="M724">
        <v>93</v>
      </c>
      <c r="N724" t="s">
        <v>76</v>
      </c>
      <c r="O724" s="1">
        <v>43764.590277777781</v>
      </c>
      <c r="P724" s="1">
        <v>43764.604861111111</v>
      </c>
    </row>
    <row r="725" spans="1:16" x14ac:dyDescent="0.4">
      <c r="A725">
        <v>4268</v>
      </c>
      <c r="B725">
        <v>219533</v>
      </c>
      <c r="C725" s="1">
        <v>43772</v>
      </c>
      <c r="D725">
        <v>248</v>
      </c>
      <c r="E725">
        <v>240</v>
      </c>
      <c r="F725" t="s">
        <v>104</v>
      </c>
      <c r="G725">
        <v>6</v>
      </c>
      <c r="H725">
        <v>420</v>
      </c>
      <c r="I725">
        <v>1</v>
      </c>
      <c r="J725">
        <v>0</v>
      </c>
      <c r="K725">
        <v>959994</v>
      </c>
      <c r="L725">
        <v>959995</v>
      </c>
      <c r="M725">
        <v>84</v>
      </c>
      <c r="N725" t="s">
        <v>79</v>
      </c>
      <c r="O725" s="1">
        <v>43772.845138888886</v>
      </c>
      <c r="P725" s="1">
        <v>43772.866666666669</v>
      </c>
    </row>
    <row r="726" spans="1:16" x14ac:dyDescent="0.4">
      <c r="A726">
        <v>4269</v>
      </c>
      <c r="B726">
        <v>219659</v>
      </c>
      <c r="C726" s="1">
        <v>43774</v>
      </c>
      <c r="D726">
        <v>280</v>
      </c>
      <c r="E726">
        <v>1266</v>
      </c>
      <c r="F726" t="s">
        <v>162</v>
      </c>
      <c r="G726">
        <v>4</v>
      </c>
      <c r="H726">
        <v>540</v>
      </c>
      <c r="I726">
        <v>1</v>
      </c>
      <c r="J726">
        <v>0</v>
      </c>
      <c r="K726">
        <v>960497</v>
      </c>
      <c r="L726">
        <v>960498</v>
      </c>
      <c r="M726">
        <v>101</v>
      </c>
      <c r="N726" t="s">
        <v>97</v>
      </c>
      <c r="O726" s="1">
        <v>43774.75277777778</v>
      </c>
      <c r="P726" s="1">
        <v>43774.856944444444</v>
      </c>
    </row>
    <row r="727" spans="1:16" x14ac:dyDescent="0.4">
      <c r="A727">
        <v>4270</v>
      </c>
      <c r="B727">
        <v>220069</v>
      </c>
      <c r="C727" s="1">
        <v>43780</v>
      </c>
      <c r="D727">
        <v>57</v>
      </c>
      <c r="E727">
        <v>30</v>
      </c>
      <c r="F727" t="s">
        <v>60</v>
      </c>
      <c r="G727">
        <v>1</v>
      </c>
      <c r="H727">
        <v>320</v>
      </c>
      <c r="I727">
        <v>2</v>
      </c>
      <c r="J727">
        <v>0</v>
      </c>
      <c r="K727">
        <v>962099</v>
      </c>
      <c r="L727">
        <v>962100</v>
      </c>
      <c r="M727">
        <v>94</v>
      </c>
      <c r="N727" t="s">
        <v>183</v>
      </c>
      <c r="O727" s="1">
        <v>43780.911111111112</v>
      </c>
      <c r="P727" s="1">
        <v>43780.947222222225</v>
      </c>
    </row>
    <row r="728" spans="1:16" x14ac:dyDescent="0.4">
      <c r="A728">
        <v>4271</v>
      </c>
      <c r="B728">
        <v>220069</v>
      </c>
      <c r="C728" s="1">
        <v>43780</v>
      </c>
      <c r="D728">
        <v>65</v>
      </c>
      <c r="E728">
        <v>38</v>
      </c>
      <c r="F728" t="s">
        <v>80</v>
      </c>
      <c r="G728">
        <v>1</v>
      </c>
      <c r="H728">
        <v>320</v>
      </c>
      <c r="I728">
        <v>1</v>
      </c>
      <c r="J728">
        <v>0</v>
      </c>
      <c r="K728">
        <v>962101</v>
      </c>
      <c r="L728">
        <v>962102</v>
      </c>
      <c r="M728">
        <v>94</v>
      </c>
      <c r="N728" t="s">
        <v>183</v>
      </c>
      <c r="O728" s="1">
        <v>43780.945833333331</v>
      </c>
      <c r="P728" s="1">
        <v>43780.947222222225</v>
      </c>
    </row>
    <row r="729" spans="1:16" x14ac:dyDescent="0.4">
      <c r="A729">
        <v>4272</v>
      </c>
      <c r="B729">
        <v>220069</v>
      </c>
      <c r="C729" s="1">
        <v>43780</v>
      </c>
      <c r="D729">
        <v>71</v>
      </c>
      <c r="E729">
        <v>52</v>
      </c>
      <c r="F729" t="s">
        <v>23</v>
      </c>
      <c r="G729">
        <v>1</v>
      </c>
      <c r="H729">
        <v>400</v>
      </c>
      <c r="I729">
        <v>1</v>
      </c>
      <c r="J729">
        <v>0</v>
      </c>
      <c r="K729">
        <v>962103</v>
      </c>
      <c r="L729">
        <v>962104</v>
      </c>
      <c r="M729">
        <v>94</v>
      </c>
      <c r="N729" t="s">
        <v>183</v>
      </c>
      <c r="O729" s="1">
        <v>43780.945833333331</v>
      </c>
      <c r="P729" s="1">
        <v>43780.947222222225</v>
      </c>
    </row>
    <row r="730" spans="1:16" x14ac:dyDescent="0.4">
      <c r="A730">
        <v>4273</v>
      </c>
      <c r="B730">
        <v>220078</v>
      </c>
      <c r="C730" s="1">
        <v>43780</v>
      </c>
      <c r="D730">
        <v>186</v>
      </c>
      <c r="E730">
        <v>225</v>
      </c>
      <c r="F730" t="s">
        <v>34</v>
      </c>
      <c r="G730">
        <v>3</v>
      </c>
      <c r="H730">
        <v>0</v>
      </c>
      <c r="I730">
        <v>1</v>
      </c>
      <c r="J730">
        <v>0</v>
      </c>
      <c r="K730">
        <v>962151</v>
      </c>
      <c r="L730">
        <v>962152</v>
      </c>
      <c r="M730">
        <v>99</v>
      </c>
      <c r="N730" t="s">
        <v>43</v>
      </c>
      <c r="O730" s="1">
        <v>43781.116666666669</v>
      </c>
      <c r="P730" s="1">
        <v>43781.17083333333</v>
      </c>
    </row>
    <row r="731" spans="1:16" x14ac:dyDescent="0.4">
      <c r="A731">
        <v>4274</v>
      </c>
      <c r="B731">
        <v>220111</v>
      </c>
      <c r="C731" s="1">
        <v>43781</v>
      </c>
      <c r="D731">
        <v>186</v>
      </c>
      <c r="E731">
        <v>225</v>
      </c>
      <c r="F731" t="s">
        <v>34</v>
      </c>
      <c r="G731">
        <v>3</v>
      </c>
      <c r="H731">
        <v>0</v>
      </c>
      <c r="I731">
        <v>2</v>
      </c>
      <c r="J731">
        <v>0</v>
      </c>
      <c r="K731">
        <v>962273</v>
      </c>
      <c r="L731">
        <v>962274</v>
      </c>
      <c r="M731">
        <v>94</v>
      </c>
      <c r="N731" t="s">
        <v>183</v>
      </c>
      <c r="O731" s="1">
        <v>43781.856944444444</v>
      </c>
      <c r="P731" s="1">
        <v>43781.895833333336</v>
      </c>
    </row>
    <row r="732" spans="1:16" x14ac:dyDescent="0.4">
      <c r="A732">
        <v>4275</v>
      </c>
      <c r="B732">
        <v>220111</v>
      </c>
      <c r="C732" s="1">
        <v>43781</v>
      </c>
      <c r="D732">
        <v>186</v>
      </c>
      <c r="E732">
        <v>225</v>
      </c>
      <c r="F732" t="s">
        <v>34</v>
      </c>
      <c r="G732">
        <v>3</v>
      </c>
      <c r="H732">
        <v>0</v>
      </c>
      <c r="I732">
        <v>2</v>
      </c>
      <c r="J732">
        <v>0</v>
      </c>
      <c r="K732">
        <v>962275</v>
      </c>
      <c r="L732">
        <v>962276</v>
      </c>
      <c r="M732">
        <v>94</v>
      </c>
      <c r="N732" t="s">
        <v>183</v>
      </c>
      <c r="O732" s="1">
        <v>43781.879166666666</v>
      </c>
      <c r="P732" s="1">
        <v>43781.895833333336</v>
      </c>
    </row>
    <row r="733" spans="1:16" x14ac:dyDescent="0.4">
      <c r="A733">
        <v>4276</v>
      </c>
      <c r="B733">
        <v>220219</v>
      </c>
      <c r="C733" s="1">
        <v>43784</v>
      </c>
      <c r="D733">
        <v>109</v>
      </c>
      <c r="E733">
        <v>80</v>
      </c>
      <c r="F733" t="s">
        <v>186</v>
      </c>
      <c r="G733">
        <v>1</v>
      </c>
      <c r="H733">
        <v>400</v>
      </c>
      <c r="I733">
        <v>1</v>
      </c>
      <c r="J733">
        <v>0</v>
      </c>
      <c r="K733">
        <v>962643</v>
      </c>
      <c r="L733">
        <v>962644</v>
      </c>
      <c r="M733">
        <v>96</v>
      </c>
      <c r="N733" t="s">
        <v>7</v>
      </c>
      <c r="O733" s="1">
        <v>43784.631944444445</v>
      </c>
      <c r="P733" s="1">
        <v>43784.634027777778</v>
      </c>
    </row>
    <row r="734" spans="1:16" x14ac:dyDescent="0.4">
      <c r="A734">
        <v>4277</v>
      </c>
      <c r="B734">
        <v>220465</v>
      </c>
      <c r="C734" s="1">
        <v>43787</v>
      </c>
      <c r="D734">
        <v>280</v>
      </c>
      <c r="E734">
        <v>1266</v>
      </c>
      <c r="F734" t="s">
        <v>162</v>
      </c>
      <c r="G734">
        <v>13</v>
      </c>
      <c r="H734">
        <v>540</v>
      </c>
      <c r="I734">
        <v>1</v>
      </c>
      <c r="J734">
        <v>0</v>
      </c>
      <c r="K734">
        <v>963769</v>
      </c>
      <c r="L734">
        <v>963770</v>
      </c>
      <c r="M734">
        <v>96</v>
      </c>
      <c r="N734" t="s">
        <v>7</v>
      </c>
      <c r="O734" s="1">
        <v>43787.683333333334</v>
      </c>
      <c r="P734" s="1">
        <v>43787.727083333331</v>
      </c>
    </row>
    <row r="735" spans="1:16" x14ac:dyDescent="0.4">
      <c r="A735">
        <v>4278</v>
      </c>
      <c r="B735">
        <v>220497</v>
      </c>
      <c r="C735" s="1">
        <v>43788</v>
      </c>
      <c r="D735">
        <v>280</v>
      </c>
      <c r="E735">
        <v>1266</v>
      </c>
      <c r="F735" t="s">
        <v>162</v>
      </c>
      <c r="G735">
        <v>18</v>
      </c>
      <c r="H735">
        <v>540</v>
      </c>
      <c r="I735">
        <v>1</v>
      </c>
      <c r="J735">
        <v>0</v>
      </c>
      <c r="K735">
        <v>963880</v>
      </c>
      <c r="L735">
        <v>963881</v>
      </c>
      <c r="M735">
        <v>97</v>
      </c>
      <c r="N735" t="s">
        <v>163</v>
      </c>
      <c r="O735" s="1">
        <v>43788.543749999997</v>
      </c>
      <c r="P735" s="1">
        <v>43788.569444444445</v>
      </c>
    </row>
    <row r="736" spans="1:16" x14ac:dyDescent="0.4">
      <c r="A736">
        <v>4283</v>
      </c>
      <c r="B736">
        <v>220769</v>
      </c>
      <c r="C736" s="1">
        <v>43792</v>
      </c>
      <c r="D736">
        <v>291</v>
      </c>
      <c r="E736">
        <v>122</v>
      </c>
      <c r="F736" t="s">
        <v>98</v>
      </c>
      <c r="G736">
        <v>2</v>
      </c>
      <c r="H736">
        <v>400</v>
      </c>
      <c r="I736">
        <v>1</v>
      </c>
      <c r="J736">
        <v>0</v>
      </c>
      <c r="K736">
        <v>965104</v>
      </c>
      <c r="L736">
        <v>965105</v>
      </c>
      <c r="M736">
        <v>108</v>
      </c>
      <c r="N736" t="s">
        <v>40</v>
      </c>
      <c r="O736" s="1">
        <v>43792.995833333334</v>
      </c>
      <c r="P736" s="1">
        <v>43793</v>
      </c>
    </row>
    <row r="737" spans="1:16" x14ac:dyDescent="0.4">
      <c r="A737">
        <v>3974</v>
      </c>
      <c r="B737">
        <v>198466</v>
      </c>
      <c r="C737" s="1">
        <v>43467</v>
      </c>
      <c r="D737">
        <v>88</v>
      </c>
      <c r="E737">
        <v>69</v>
      </c>
      <c r="F737" t="s">
        <v>55</v>
      </c>
      <c r="G737">
        <v>5</v>
      </c>
      <c r="H737">
        <v>400</v>
      </c>
      <c r="I737">
        <v>2</v>
      </c>
      <c r="J737">
        <v>0</v>
      </c>
      <c r="K737">
        <v>876002</v>
      </c>
      <c r="L737">
        <v>876003</v>
      </c>
      <c r="M737">
        <v>108</v>
      </c>
      <c r="N737" t="s">
        <v>40</v>
      </c>
      <c r="O737" s="1">
        <v>43467.999305555553</v>
      </c>
      <c r="P737" s="1">
        <v>43468</v>
      </c>
    </row>
    <row r="738" spans="1:16" x14ac:dyDescent="0.4">
      <c r="A738">
        <v>3975</v>
      </c>
      <c r="B738">
        <v>198466</v>
      </c>
      <c r="C738" s="1">
        <v>43467</v>
      </c>
      <c r="D738">
        <v>57</v>
      </c>
      <c r="E738">
        <v>30</v>
      </c>
      <c r="F738" t="s">
        <v>60</v>
      </c>
      <c r="G738">
        <v>5</v>
      </c>
      <c r="H738">
        <v>320</v>
      </c>
      <c r="I738">
        <v>1</v>
      </c>
      <c r="J738">
        <v>0</v>
      </c>
      <c r="K738">
        <v>876004</v>
      </c>
      <c r="L738">
        <v>876005</v>
      </c>
      <c r="M738">
        <v>108</v>
      </c>
      <c r="N738" t="s">
        <v>40</v>
      </c>
      <c r="O738" s="1">
        <v>43467.999305555553</v>
      </c>
      <c r="P738" s="1">
        <v>43468</v>
      </c>
    </row>
    <row r="739" spans="1:16" x14ac:dyDescent="0.4">
      <c r="A739">
        <v>3978</v>
      </c>
      <c r="B739">
        <v>198628</v>
      </c>
      <c r="C739" s="1">
        <v>43469</v>
      </c>
      <c r="D739">
        <v>57</v>
      </c>
      <c r="E739">
        <v>30</v>
      </c>
      <c r="F739" t="s">
        <v>60</v>
      </c>
      <c r="G739">
        <v>5</v>
      </c>
      <c r="H739">
        <v>320</v>
      </c>
      <c r="I739">
        <v>2</v>
      </c>
      <c r="J739">
        <v>0</v>
      </c>
      <c r="K739">
        <v>876747</v>
      </c>
      <c r="L739">
        <v>876748</v>
      </c>
      <c r="M739">
        <v>108</v>
      </c>
      <c r="N739" t="s">
        <v>40</v>
      </c>
      <c r="O739" s="1">
        <v>43469.999305555553</v>
      </c>
      <c r="P739" s="1">
        <v>43470.003472222219</v>
      </c>
    </row>
    <row r="740" spans="1:16" x14ac:dyDescent="0.4">
      <c r="A740">
        <v>3979</v>
      </c>
      <c r="B740">
        <v>198628</v>
      </c>
      <c r="C740" s="1">
        <v>43469</v>
      </c>
      <c r="D740">
        <v>207</v>
      </c>
      <c r="E740">
        <v>420</v>
      </c>
      <c r="F740" t="s">
        <v>90</v>
      </c>
      <c r="G740">
        <v>5</v>
      </c>
      <c r="H740">
        <v>320</v>
      </c>
      <c r="I740">
        <v>1</v>
      </c>
      <c r="J740">
        <v>0</v>
      </c>
      <c r="K740">
        <v>876749</v>
      </c>
      <c r="L740">
        <v>876750</v>
      </c>
      <c r="M740">
        <v>108</v>
      </c>
      <c r="N740" t="s">
        <v>40</v>
      </c>
      <c r="O740" s="1">
        <v>43469.999305555553</v>
      </c>
      <c r="P740" s="1">
        <v>43470.003472222219</v>
      </c>
    </row>
    <row r="741" spans="1:16" x14ac:dyDescent="0.4">
      <c r="A741">
        <v>3980</v>
      </c>
      <c r="B741">
        <v>198628</v>
      </c>
      <c r="C741" s="1">
        <v>43469</v>
      </c>
      <c r="D741">
        <v>106</v>
      </c>
      <c r="E741">
        <v>83</v>
      </c>
      <c r="F741" t="s">
        <v>187</v>
      </c>
      <c r="G741">
        <v>5</v>
      </c>
      <c r="H741">
        <v>520</v>
      </c>
      <c r="I741">
        <v>1</v>
      </c>
      <c r="J741">
        <v>0</v>
      </c>
      <c r="K741">
        <v>876751</v>
      </c>
      <c r="L741">
        <v>876752</v>
      </c>
      <c r="M741">
        <v>108</v>
      </c>
      <c r="N741" t="s">
        <v>40</v>
      </c>
      <c r="O741" s="1">
        <v>43469.999305555553</v>
      </c>
      <c r="P741" s="1">
        <v>43470.003472222219</v>
      </c>
    </row>
    <row r="742" spans="1:16" x14ac:dyDescent="0.4">
      <c r="A742">
        <v>3981</v>
      </c>
      <c r="B742">
        <v>198628</v>
      </c>
      <c r="C742" s="1">
        <v>43469</v>
      </c>
      <c r="D742">
        <v>236</v>
      </c>
      <c r="E742">
        <v>660</v>
      </c>
      <c r="F742" t="s">
        <v>170</v>
      </c>
      <c r="G742">
        <v>5</v>
      </c>
      <c r="H742">
        <v>400</v>
      </c>
      <c r="I742">
        <v>1</v>
      </c>
      <c r="J742">
        <v>0</v>
      </c>
      <c r="K742">
        <v>876753</v>
      </c>
      <c r="L742">
        <v>876754</v>
      </c>
      <c r="M742">
        <v>108</v>
      </c>
      <c r="N742" t="s">
        <v>40</v>
      </c>
      <c r="O742" s="1">
        <v>43469.999305555553</v>
      </c>
      <c r="P742" s="1">
        <v>43470.003472222219</v>
      </c>
    </row>
    <row r="743" spans="1:16" x14ac:dyDescent="0.4">
      <c r="A743">
        <v>3982</v>
      </c>
      <c r="B743">
        <v>198628</v>
      </c>
      <c r="C743" s="1">
        <v>43469</v>
      </c>
      <c r="D743">
        <v>62</v>
      </c>
      <c r="E743">
        <v>35</v>
      </c>
      <c r="F743" t="s">
        <v>100</v>
      </c>
      <c r="G743">
        <v>5</v>
      </c>
      <c r="H743">
        <v>320</v>
      </c>
      <c r="I743">
        <v>1</v>
      </c>
      <c r="J743">
        <v>0</v>
      </c>
      <c r="K743">
        <v>876755</v>
      </c>
      <c r="L743">
        <v>876756</v>
      </c>
      <c r="M743">
        <v>108</v>
      </c>
      <c r="N743" t="s">
        <v>40</v>
      </c>
      <c r="O743" s="1">
        <v>43469.999305555553</v>
      </c>
      <c r="P743" s="1">
        <v>43470.003472222219</v>
      </c>
    </row>
    <row r="744" spans="1:16" x14ac:dyDescent="0.4">
      <c r="A744">
        <v>3983</v>
      </c>
      <c r="B744">
        <v>198628</v>
      </c>
      <c r="C744" s="1">
        <v>43469</v>
      </c>
      <c r="D744">
        <v>84</v>
      </c>
      <c r="E744">
        <v>65</v>
      </c>
      <c r="F744" t="s">
        <v>71</v>
      </c>
      <c r="G744">
        <v>5</v>
      </c>
      <c r="H744">
        <v>400</v>
      </c>
      <c r="I744">
        <v>2</v>
      </c>
      <c r="J744">
        <v>0</v>
      </c>
      <c r="K744">
        <v>876757</v>
      </c>
      <c r="L744">
        <v>876758</v>
      </c>
      <c r="M744">
        <v>108</v>
      </c>
      <c r="N744" t="s">
        <v>40</v>
      </c>
      <c r="O744" s="1">
        <v>43469.999305555553</v>
      </c>
      <c r="P744" s="1">
        <v>43470.003472222219</v>
      </c>
    </row>
    <row r="745" spans="1:16" x14ac:dyDescent="0.4">
      <c r="A745">
        <v>4284</v>
      </c>
      <c r="B745">
        <v>221198</v>
      </c>
      <c r="C745" s="1">
        <v>43799</v>
      </c>
      <c r="D745">
        <v>84</v>
      </c>
      <c r="E745">
        <v>65</v>
      </c>
      <c r="F745" t="s">
        <v>71</v>
      </c>
      <c r="G745">
        <v>12</v>
      </c>
      <c r="H745">
        <v>400</v>
      </c>
      <c r="I745">
        <v>1</v>
      </c>
      <c r="J745">
        <v>0</v>
      </c>
      <c r="K745">
        <v>966772</v>
      </c>
      <c r="L745">
        <v>966773</v>
      </c>
      <c r="M745">
        <v>108</v>
      </c>
      <c r="N745" t="s">
        <v>40</v>
      </c>
      <c r="O745" s="1">
        <v>43799.886111111111</v>
      </c>
      <c r="P745" s="1">
        <v>43799.934027777781</v>
      </c>
    </row>
    <row r="746" spans="1:16" x14ac:dyDescent="0.4">
      <c r="A746">
        <v>4285</v>
      </c>
      <c r="B746">
        <v>221198</v>
      </c>
      <c r="C746" s="1">
        <v>43799</v>
      </c>
      <c r="D746">
        <v>71</v>
      </c>
      <c r="E746">
        <v>52</v>
      </c>
      <c r="F746" t="s">
        <v>23</v>
      </c>
      <c r="G746">
        <v>12</v>
      </c>
      <c r="H746">
        <v>400</v>
      </c>
      <c r="I746">
        <v>1</v>
      </c>
      <c r="J746">
        <v>0</v>
      </c>
      <c r="K746">
        <v>966774</v>
      </c>
      <c r="L746">
        <v>966775</v>
      </c>
      <c r="M746">
        <v>108</v>
      </c>
      <c r="N746" t="s">
        <v>40</v>
      </c>
      <c r="O746" s="1">
        <v>43799.894444444442</v>
      </c>
      <c r="P746" s="1">
        <v>43799.934027777781</v>
      </c>
    </row>
    <row r="747" spans="1:16" x14ac:dyDescent="0.4">
      <c r="A747">
        <v>4286</v>
      </c>
      <c r="B747">
        <v>221213</v>
      </c>
      <c r="C747" s="1">
        <v>43799</v>
      </c>
      <c r="D747">
        <v>311</v>
      </c>
      <c r="E747">
        <v>314</v>
      </c>
      <c r="F747" t="s">
        <v>188</v>
      </c>
      <c r="G747">
        <v>1</v>
      </c>
      <c r="H747">
        <v>500</v>
      </c>
      <c r="I747">
        <v>1</v>
      </c>
      <c r="J747">
        <v>0</v>
      </c>
      <c r="K747">
        <v>966923</v>
      </c>
      <c r="L747">
        <v>966924</v>
      </c>
      <c r="M747">
        <v>108</v>
      </c>
      <c r="N747" t="s">
        <v>40</v>
      </c>
      <c r="O747" s="1">
        <v>43800.097916666666</v>
      </c>
      <c r="P747" s="1">
        <v>43800.102083333331</v>
      </c>
    </row>
    <row r="748" spans="1:16" x14ac:dyDescent="0.4">
      <c r="A748">
        <v>4287</v>
      </c>
      <c r="B748">
        <v>221213</v>
      </c>
      <c r="C748" s="1">
        <v>43799</v>
      </c>
      <c r="D748">
        <v>9</v>
      </c>
      <c r="E748">
        <v>101</v>
      </c>
      <c r="F748" t="s">
        <v>54</v>
      </c>
      <c r="G748">
        <v>1</v>
      </c>
      <c r="H748">
        <v>420</v>
      </c>
      <c r="I748">
        <v>1</v>
      </c>
      <c r="J748">
        <v>0</v>
      </c>
      <c r="K748">
        <v>966925</v>
      </c>
      <c r="L748">
        <v>966926</v>
      </c>
      <c r="M748">
        <v>108</v>
      </c>
      <c r="N748" t="s">
        <v>40</v>
      </c>
      <c r="O748" s="1">
        <v>43800.097916666666</v>
      </c>
      <c r="P748" s="1">
        <v>43800.102777777778</v>
      </c>
    </row>
    <row r="749" spans="1:16" x14ac:dyDescent="0.4">
      <c r="A749">
        <v>4288</v>
      </c>
      <c r="B749">
        <v>221285</v>
      </c>
      <c r="C749" s="1">
        <v>43800</v>
      </c>
      <c r="D749">
        <v>140</v>
      </c>
      <c r="E749">
        <v>135</v>
      </c>
      <c r="F749" t="s">
        <v>189</v>
      </c>
      <c r="G749">
        <v>1</v>
      </c>
      <c r="H749">
        <v>1380</v>
      </c>
      <c r="I749">
        <v>1</v>
      </c>
      <c r="J749">
        <v>0</v>
      </c>
      <c r="K749">
        <v>967140</v>
      </c>
      <c r="L749">
        <v>967141</v>
      </c>
      <c r="M749">
        <v>108</v>
      </c>
      <c r="N749" t="s">
        <v>40</v>
      </c>
      <c r="O749" s="1">
        <v>43800.839583333334</v>
      </c>
      <c r="P749" s="1">
        <v>43800.839583333334</v>
      </c>
    </row>
    <row r="750" spans="1:16" x14ac:dyDescent="0.4">
      <c r="A750">
        <v>4289</v>
      </c>
      <c r="B750">
        <v>221410</v>
      </c>
      <c r="C750" s="1">
        <v>43802</v>
      </c>
      <c r="D750">
        <v>186</v>
      </c>
      <c r="E750">
        <v>225</v>
      </c>
      <c r="F750" t="s">
        <v>34</v>
      </c>
      <c r="G750">
        <v>5</v>
      </c>
      <c r="H750">
        <v>350</v>
      </c>
      <c r="I750">
        <v>1</v>
      </c>
      <c r="J750">
        <v>0</v>
      </c>
      <c r="K750">
        <v>967646</v>
      </c>
      <c r="L750">
        <v>967647</v>
      </c>
      <c r="M750">
        <v>99</v>
      </c>
      <c r="N750" t="s">
        <v>43</v>
      </c>
      <c r="O750" s="1">
        <v>43802.9</v>
      </c>
      <c r="P750" s="1">
        <v>43802.977777777778</v>
      </c>
    </row>
    <row r="751" spans="1:16" x14ac:dyDescent="0.4">
      <c r="A751">
        <v>4290</v>
      </c>
      <c r="B751">
        <v>221410</v>
      </c>
      <c r="C751" s="1">
        <v>43802</v>
      </c>
      <c r="D751">
        <v>76</v>
      </c>
      <c r="E751">
        <v>51</v>
      </c>
      <c r="F751" t="s">
        <v>33</v>
      </c>
      <c r="G751">
        <v>5</v>
      </c>
      <c r="H751">
        <v>400</v>
      </c>
      <c r="I751">
        <v>1</v>
      </c>
      <c r="J751">
        <v>0</v>
      </c>
      <c r="K751">
        <v>967648</v>
      </c>
      <c r="L751">
        <v>967649</v>
      </c>
      <c r="M751">
        <v>99</v>
      </c>
      <c r="N751" t="s">
        <v>43</v>
      </c>
      <c r="O751" s="1">
        <v>43802.9</v>
      </c>
      <c r="P751" s="1">
        <v>43802.977777777778</v>
      </c>
    </row>
    <row r="752" spans="1:16" x14ac:dyDescent="0.4">
      <c r="A752">
        <v>4291</v>
      </c>
      <c r="B752">
        <v>221410</v>
      </c>
      <c r="C752" s="1">
        <v>43802</v>
      </c>
      <c r="D752">
        <v>186</v>
      </c>
      <c r="E752">
        <v>225</v>
      </c>
      <c r="F752" t="s">
        <v>34</v>
      </c>
      <c r="G752">
        <v>5</v>
      </c>
      <c r="H752">
        <v>350</v>
      </c>
      <c r="I752">
        <v>1</v>
      </c>
      <c r="J752">
        <v>0</v>
      </c>
      <c r="K752">
        <v>967650</v>
      </c>
      <c r="L752">
        <v>967651</v>
      </c>
      <c r="M752">
        <v>99</v>
      </c>
      <c r="N752" t="s">
        <v>43</v>
      </c>
      <c r="O752" s="1">
        <v>43802.953472222223</v>
      </c>
      <c r="P752" s="1">
        <v>43802.977777777778</v>
      </c>
    </row>
    <row r="753" spans="1:16" x14ac:dyDescent="0.4">
      <c r="A753">
        <v>4292</v>
      </c>
      <c r="B753">
        <v>221458</v>
      </c>
      <c r="C753" s="1">
        <v>43803</v>
      </c>
      <c r="D753">
        <v>214</v>
      </c>
      <c r="E753">
        <v>277</v>
      </c>
      <c r="F753" t="s">
        <v>4</v>
      </c>
      <c r="G753">
        <v>15</v>
      </c>
      <c r="H753">
        <v>0</v>
      </c>
      <c r="I753">
        <v>1</v>
      </c>
      <c r="J753">
        <v>0</v>
      </c>
      <c r="K753">
        <v>967796</v>
      </c>
      <c r="L753">
        <v>967797</v>
      </c>
      <c r="M753">
        <v>101</v>
      </c>
      <c r="N753" t="s">
        <v>97</v>
      </c>
      <c r="O753" s="1">
        <v>43803.842361111114</v>
      </c>
      <c r="P753" s="1">
        <v>43803.842361111114</v>
      </c>
    </row>
    <row r="754" spans="1:16" x14ac:dyDescent="0.4">
      <c r="A754">
        <v>4293</v>
      </c>
      <c r="B754">
        <v>221649</v>
      </c>
      <c r="C754" s="1">
        <v>43806</v>
      </c>
      <c r="D754">
        <v>188</v>
      </c>
      <c r="E754">
        <v>227</v>
      </c>
      <c r="F754" t="s">
        <v>113</v>
      </c>
      <c r="G754">
        <v>19</v>
      </c>
      <c r="H754">
        <v>350</v>
      </c>
      <c r="I754">
        <v>1</v>
      </c>
      <c r="J754">
        <v>0</v>
      </c>
      <c r="K754">
        <v>968616</v>
      </c>
      <c r="L754">
        <v>968617</v>
      </c>
      <c r="M754">
        <v>108</v>
      </c>
      <c r="N754" t="s">
        <v>40</v>
      </c>
      <c r="O754" s="1">
        <v>43806.827777777777</v>
      </c>
      <c r="P754" s="1">
        <v>43806.874305555553</v>
      </c>
    </row>
    <row r="755" spans="1:16" x14ac:dyDescent="0.4">
      <c r="A755">
        <v>4294</v>
      </c>
      <c r="B755">
        <v>221649</v>
      </c>
      <c r="C755" s="1">
        <v>43806</v>
      </c>
      <c r="D755">
        <v>188</v>
      </c>
      <c r="E755">
        <v>227</v>
      </c>
      <c r="F755" t="s">
        <v>113</v>
      </c>
      <c r="G755">
        <v>19</v>
      </c>
      <c r="H755">
        <v>350</v>
      </c>
      <c r="I755">
        <v>1</v>
      </c>
      <c r="J755">
        <v>0</v>
      </c>
      <c r="K755">
        <v>968618</v>
      </c>
      <c r="L755">
        <v>968619</v>
      </c>
      <c r="M755">
        <v>108</v>
      </c>
      <c r="N755" t="s">
        <v>40</v>
      </c>
      <c r="O755" s="1">
        <v>43806.874305555553</v>
      </c>
      <c r="P755" s="1">
        <v>43806.874305555553</v>
      </c>
    </row>
    <row r="756" spans="1:16" x14ac:dyDescent="0.4">
      <c r="A756">
        <v>4295</v>
      </c>
      <c r="B756">
        <v>222010</v>
      </c>
      <c r="C756" s="1">
        <v>43812</v>
      </c>
      <c r="D756">
        <v>350</v>
      </c>
      <c r="E756">
        <v>13</v>
      </c>
      <c r="F756" t="s">
        <v>190</v>
      </c>
      <c r="G756">
        <v>7</v>
      </c>
      <c r="H756">
        <v>480</v>
      </c>
      <c r="I756">
        <v>1</v>
      </c>
      <c r="J756">
        <v>0</v>
      </c>
      <c r="K756">
        <v>970033</v>
      </c>
      <c r="L756">
        <v>970034</v>
      </c>
      <c r="M756">
        <v>108</v>
      </c>
      <c r="N756" t="s">
        <v>40</v>
      </c>
      <c r="O756" s="1">
        <v>43812.852083333331</v>
      </c>
      <c r="P756" s="1">
        <v>43812.852083333331</v>
      </c>
    </row>
    <row r="757" spans="1:16" x14ac:dyDescent="0.4">
      <c r="A757">
        <v>4297</v>
      </c>
      <c r="B757">
        <v>222101</v>
      </c>
      <c r="C757" s="1">
        <v>43813</v>
      </c>
      <c r="D757">
        <v>186</v>
      </c>
      <c r="E757">
        <v>225</v>
      </c>
      <c r="F757" t="s">
        <v>34</v>
      </c>
      <c r="G757">
        <v>7</v>
      </c>
      <c r="H757">
        <v>350</v>
      </c>
      <c r="I757">
        <v>1</v>
      </c>
      <c r="J757">
        <v>0</v>
      </c>
      <c r="K757">
        <v>970499</v>
      </c>
      <c r="L757">
        <v>970500</v>
      </c>
      <c r="M757">
        <v>101</v>
      </c>
      <c r="N757" t="s">
        <v>97</v>
      </c>
      <c r="O757" s="1">
        <v>43813.82708333333</v>
      </c>
      <c r="P757" s="1">
        <v>43813.836111111108</v>
      </c>
    </row>
    <row r="758" spans="1:16" x14ac:dyDescent="0.4">
      <c r="A758">
        <v>4298</v>
      </c>
      <c r="B758">
        <v>222130</v>
      </c>
      <c r="C758" s="1">
        <v>43813</v>
      </c>
      <c r="D758">
        <v>213</v>
      </c>
      <c r="E758">
        <v>211</v>
      </c>
      <c r="F758" t="s">
        <v>180</v>
      </c>
      <c r="G758">
        <v>4</v>
      </c>
      <c r="H758">
        <v>0</v>
      </c>
      <c r="I758">
        <v>2</v>
      </c>
      <c r="J758">
        <v>0</v>
      </c>
      <c r="K758">
        <v>970680</v>
      </c>
      <c r="L758">
        <v>970681</v>
      </c>
      <c r="M758">
        <v>108</v>
      </c>
      <c r="N758" t="s">
        <v>40</v>
      </c>
      <c r="O758" s="1">
        <v>43814.00277777778</v>
      </c>
      <c r="P758" s="1">
        <v>43814.003472222219</v>
      </c>
    </row>
    <row r="759" spans="1:16" x14ac:dyDescent="0.4">
      <c r="A759">
        <v>4299</v>
      </c>
      <c r="B759">
        <v>222332</v>
      </c>
      <c r="C759" s="1">
        <v>43816</v>
      </c>
      <c r="D759">
        <v>109</v>
      </c>
      <c r="E759">
        <v>80</v>
      </c>
      <c r="F759" t="s">
        <v>186</v>
      </c>
      <c r="G759">
        <v>7</v>
      </c>
      <c r="H759">
        <v>0</v>
      </c>
      <c r="I759">
        <v>1</v>
      </c>
      <c r="J759">
        <v>0</v>
      </c>
      <c r="K759">
        <v>971495</v>
      </c>
      <c r="L759">
        <v>971496</v>
      </c>
      <c r="M759">
        <v>94</v>
      </c>
      <c r="N759" t="s">
        <v>183</v>
      </c>
      <c r="O759" s="1">
        <v>43816.895833333336</v>
      </c>
      <c r="P759" s="1">
        <v>43816.897916666669</v>
      </c>
    </row>
    <row r="760" spans="1:16" x14ac:dyDescent="0.4">
      <c r="A760">
        <v>4300</v>
      </c>
      <c r="B760">
        <v>222628</v>
      </c>
      <c r="C760" s="1">
        <v>43820</v>
      </c>
      <c r="D760">
        <v>103</v>
      </c>
      <c r="E760">
        <v>27</v>
      </c>
      <c r="F760" t="s">
        <v>191</v>
      </c>
      <c r="G760">
        <v>9</v>
      </c>
      <c r="H760">
        <v>1650</v>
      </c>
      <c r="I760">
        <v>1</v>
      </c>
      <c r="J760">
        <v>0</v>
      </c>
      <c r="K760">
        <v>972904</v>
      </c>
      <c r="L760">
        <v>972905</v>
      </c>
      <c r="M760">
        <v>108</v>
      </c>
      <c r="N760" t="s">
        <v>40</v>
      </c>
      <c r="O760" s="1">
        <v>43821.004166666666</v>
      </c>
      <c r="P760" s="1">
        <v>43821.085416666669</v>
      </c>
    </row>
    <row r="761" spans="1:16" x14ac:dyDescent="0.4">
      <c r="A761">
        <v>4301</v>
      </c>
      <c r="B761">
        <v>222628</v>
      </c>
      <c r="C761" s="1">
        <v>43820</v>
      </c>
      <c r="D761">
        <v>103</v>
      </c>
      <c r="E761">
        <v>27</v>
      </c>
      <c r="F761" t="s">
        <v>191</v>
      </c>
      <c r="G761">
        <v>9</v>
      </c>
      <c r="H761">
        <v>1650</v>
      </c>
      <c r="I761">
        <v>1</v>
      </c>
      <c r="J761">
        <v>0</v>
      </c>
      <c r="K761">
        <v>972906</v>
      </c>
      <c r="L761">
        <v>972907</v>
      </c>
      <c r="M761">
        <v>108</v>
      </c>
      <c r="N761" t="s">
        <v>40</v>
      </c>
      <c r="O761" s="1">
        <v>43821.018055555556</v>
      </c>
      <c r="P761" s="1">
        <v>43821.085416666669</v>
      </c>
    </row>
    <row r="762" spans="1:16" x14ac:dyDescent="0.4">
      <c r="A762">
        <v>4302</v>
      </c>
      <c r="B762">
        <v>222628</v>
      </c>
      <c r="C762" s="1">
        <v>43820</v>
      </c>
      <c r="D762">
        <v>57</v>
      </c>
      <c r="E762">
        <v>30</v>
      </c>
      <c r="F762" t="s">
        <v>60</v>
      </c>
      <c r="G762">
        <v>9</v>
      </c>
      <c r="H762">
        <v>320</v>
      </c>
      <c r="I762">
        <v>1</v>
      </c>
      <c r="J762">
        <v>0</v>
      </c>
      <c r="K762">
        <v>972908</v>
      </c>
      <c r="L762">
        <v>972909</v>
      </c>
      <c r="M762">
        <v>108</v>
      </c>
      <c r="N762" t="s">
        <v>40</v>
      </c>
      <c r="O762" s="1">
        <v>43821.011111111111</v>
      </c>
      <c r="P762" s="1">
        <v>43821.085416666669</v>
      </c>
    </row>
    <row r="763" spans="1:16" x14ac:dyDescent="0.4">
      <c r="A763">
        <v>4303</v>
      </c>
      <c r="B763">
        <v>222628</v>
      </c>
      <c r="C763" s="1">
        <v>43820</v>
      </c>
      <c r="D763">
        <v>103</v>
      </c>
      <c r="E763">
        <v>27</v>
      </c>
      <c r="F763" t="s">
        <v>191</v>
      </c>
      <c r="G763">
        <v>9</v>
      </c>
      <c r="H763">
        <v>1650</v>
      </c>
      <c r="I763">
        <v>1</v>
      </c>
      <c r="J763">
        <v>0</v>
      </c>
      <c r="K763">
        <v>972910</v>
      </c>
      <c r="L763">
        <v>972911</v>
      </c>
      <c r="M763">
        <v>108</v>
      </c>
      <c r="N763" t="s">
        <v>40</v>
      </c>
      <c r="O763" s="1">
        <v>43821.034722222219</v>
      </c>
      <c r="P763" s="1">
        <v>43821.085416666669</v>
      </c>
    </row>
    <row r="764" spans="1:16" x14ac:dyDescent="0.4">
      <c r="A764">
        <v>4304</v>
      </c>
      <c r="B764">
        <v>222628</v>
      </c>
      <c r="C764" s="1">
        <v>43820</v>
      </c>
      <c r="D764">
        <v>186</v>
      </c>
      <c r="E764">
        <v>225</v>
      </c>
      <c r="F764" t="s">
        <v>34</v>
      </c>
      <c r="G764">
        <v>9</v>
      </c>
      <c r="H764">
        <v>350</v>
      </c>
      <c r="I764">
        <v>2</v>
      </c>
      <c r="J764">
        <v>0</v>
      </c>
      <c r="K764">
        <v>972912</v>
      </c>
      <c r="L764">
        <v>972913</v>
      </c>
      <c r="M764">
        <v>108</v>
      </c>
      <c r="N764" t="s">
        <v>40</v>
      </c>
      <c r="O764" s="1">
        <v>43821.034722222219</v>
      </c>
      <c r="P764" s="1">
        <v>43821.085416666669</v>
      </c>
    </row>
    <row r="765" spans="1:16" x14ac:dyDescent="0.4">
      <c r="A765">
        <v>4305</v>
      </c>
      <c r="B765">
        <v>222628</v>
      </c>
      <c r="C765" s="1">
        <v>43820</v>
      </c>
      <c r="D765">
        <v>103</v>
      </c>
      <c r="E765">
        <v>27</v>
      </c>
      <c r="F765" t="s">
        <v>191</v>
      </c>
      <c r="G765">
        <v>9</v>
      </c>
      <c r="H765">
        <v>1650</v>
      </c>
      <c r="I765">
        <v>1</v>
      </c>
      <c r="J765">
        <v>0</v>
      </c>
      <c r="K765">
        <v>972914</v>
      </c>
      <c r="L765">
        <v>972915</v>
      </c>
      <c r="M765">
        <v>108</v>
      </c>
      <c r="N765" t="s">
        <v>40</v>
      </c>
      <c r="O765" s="1">
        <v>43821.051388888889</v>
      </c>
      <c r="P765" s="1">
        <v>43821.085416666669</v>
      </c>
    </row>
    <row r="766" spans="1:16" x14ac:dyDescent="0.4">
      <c r="A766">
        <v>4306</v>
      </c>
      <c r="B766">
        <v>222628</v>
      </c>
      <c r="C766" s="1">
        <v>43820</v>
      </c>
      <c r="D766">
        <v>103</v>
      </c>
      <c r="E766">
        <v>27</v>
      </c>
      <c r="F766" t="s">
        <v>191</v>
      </c>
      <c r="G766">
        <v>9</v>
      </c>
      <c r="H766">
        <v>1650</v>
      </c>
      <c r="I766">
        <v>1</v>
      </c>
      <c r="J766">
        <v>0</v>
      </c>
      <c r="K766">
        <v>972916</v>
      </c>
      <c r="L766">
        <v>972917</v>
      </c>
      <c r="M766">
        <v>108</v>
      </c>
      <c r="N766" t="s">
        <v>40</v>
      </c>
      <c r="O766" s="1">
        <v>43821.072916666664</v>
      </c>
      <c r="P766" s="1">
        <v>43821.085416666669</v>
      </c>
    </row>
    <row r="767" spans="1:16" x14ac:dyDescent="0.4">
      <c r="A767">
        <v>4307</v>
      </c>
      <c r="B767">
        <v>223182</v>
      </c>
      <c r="C767" s="1">
        <v>43827</v>
      </c>
      <c r="D767">
        <v>213</v>
      </c>
      <c r="E767">
        <v>211</v>
      </c>
      <c r="F767" t="s">
        <v>180</v>
      </c>
      <c r="G767">
        <v>15</v>
      </c>
      <c r="H767">
        <v>0</v>
      </c>
      <c r="I767">
        <v>1</v>
      </c>
      <c r="J767">
        <v>0</v>
      </c>
      <c r="K767">
        <v>975148</v>
      </c>
      <c r="L767">
        <v>975149</v>
      </c>
      <c r="M767">
        <v>84</v>
      </c>
      <c r="N767" t="s">
        <v>79</v>
      </c>
      <c r="O767" s="1">
        <v>43828.056944444441</v>
      </c>
      <c r="P767" s="1">
        <v>43828.14166666667</v>
      </c>
    </row>
    <row r="768" spans="1:16" x14ac:dyDescent="0.4">
      <c r="A768">
        <v>4308</v>
      </c>
      <c r="B768">
        <v>223448</v>
      </c>
      <c r="C768" s="1">
        <v>43831</v>
      </c>
      <c r="D768">
        <v>125</v>
      </c>
      <c r="E768">
        <v>126</v>
      </c>
      <c r="F768" t="s">
        <v>159</v>
      </c>
      <c r="G768">
        <v>13</v>
      </c>
      <c r="H768">
        <v>280</v>
      </c>
      <c r="I768">
        <v>1</v>
      </c>
      <c r="J768">
        <v>0</v>
      </c>
      <c r="K768">
        <v>976200</v>
      </c>
      <c r="L768">
        <v>976201</v>
      </c>
      <c r="M768">
        <v>107</v>
      </c>
      <c r="N768" t="s">
        <v>172</v>
      </c>
      <c r="O768" s="1">
        <v>43831.878472222219</v>
      </c>
      <c r="P768" s="1">
        <v>43831.884027777778</v>
      </c>
    </row>
    <row r="769" spans="1:16" x14ac:dyDescent="0.4">
      <c r="A769">
        <v>4309</v>
      </c>
      <c r="B769">
        <v>223870</v>
      </c>
      <c r="C769" s="1">
        <v>43837</v>
      </c>
      <c r="D769">
        <v>250</v>
      </c>
      <c r="E769">
        <v>242</v>
      </c>
      <c r="F769" t="s">
        <v>192</v>
      </c>
      <c r="G769">
        <v>7</v>
      </c>
      <c r="H769">
        <v>420</v>
      </c>
      <c r="I769">
        <v>2</v>
      </c>
      <c r="J769">
        <v>0</v>
      </c>
      <c r="K769">
        <v>977862</v>
      </c>
      <c r="L769">
        <v>977863</v>
      </c>
      <c r="M769">
        <v>100</v>
      </c>
      <c r="N769" t="s">
        <v>1</v>
      </c>
      <c r="O769" s="1">
        <v>43837.988194444442</v>
      </c>
      <c r="P769" s="1">
        <v>43838</v>
      </c>
    </row>
    <row r="770" spans="1:16" x14ac:dyDescent="0.4">
      <c r="A770">
        <v>4310</v>
      </c>
      <c r="B770">
        <v>224026</v>
      </c>
      <c r="C770" s="1">
        <v>43840</v>
      </c>
      <c r="D770">
        <v>161</v>
      </c>
      <c r="E770">
        <v>115</v>
      </c>
      <c r="F770" t="s">
        <v>101</v>
      </c>
      <c r="G770">
        <v>4</v>
      </c>
      <c r="H770">
        <v>550</v>
      </c>
      <c r="I770">
        <v>1</v>
      </c>
      <c r="J770">
        <v>0</v>
      </c>
      <c r="K770">
        <v>978496</v>
      </c>
      <c r="L770">
        <v>978497</v>
      </c>
      <c r="M770">
        <v>100</v>
      </c>
      <c r="N770" t="s">
        <v>1</v>
      </c>
      <c r="O770" s="1">
        <v>43841.040277777778</v>
      </c>
      <c r="P770" s="1">
        <v>43841.042361111111</v>
      </c>
    </row>
    <row r="771" spans="1:16" x14ac:dyDescent="0.4">
      <c r="A771">
        <v>4311</v>
      </c>
      <c r="B771">
        <v>224290</v>
      </c>
      <c r="C771" s="1">
        <v>43844</v>
      </c>
      <c r="D771">
        <v>125</v>
      </c>
      <c r="E771">
        <v>126</v>
      </c>
      <c r="F771" t="s">
        <v>159</v>
      </c>
      <c r="G771">
        <v>5</v>
      </c>
      <c r="H771">
        <v>280</v>
      </c>
      <c r="I771">
        <v>1</v>
      </c>
      <c r="J771">
        <v>0</v>
      </c>
      <c r="K771">
        <v>979522</v>
      </c>
      <c r="L771">
        <v>979523</v>
      </c>
      <c r="M771">
        <v>99</v>
      </c>
      <c r="N771" t="s">
        <v>43</v>
      </c>
      <c r="O771" s="1">
        <v>43844.479861111111</v>
      </c>
      <c r="P771" s="1">
        <v>43844.480555555558</v>
      </c>
    </row>
    <row r="772" spans="1:16" x14ac:dyDescent="0.4">
      <c r="A772">
        <v>4312</v>
      </c>
      <c r="B772">
        <v>224368</v>
      </c>
      <c r="C772" s="1">
        <v>43845</v>
      </c>
      <c r="D772">
        <v>75</v>
      </c>
      <c r="E772">
        <v>56</v>
      </c>
      <c r="F772" t="s">
        <v>49</v>
      </c>
      <c r="G772">
        <v>4</v>
      </c>
      <c r="H772">
        <v>400</v>
      </c>
      <c r="I772">
        <v>2</v>
      </c>
      <c r="J772">
        <v>0</v>
      </c>
      <c r="K772">
        <v>979818</v>
      </c>
      <c r="L772">
        <v>979819</v>
      </c>
      <c r="M772">
        <v>90</v>
      </c>
      <c r="N772" t="s">
        <v>158</v>
      </c>
      <c r="O772" s="1">
        <v>43845.841666666667</v>
      </c>
      <c r="P772" s="1">
        <v>43845.843055555553</v>
      </c>
    </row>
    <row r="773" spans="1:16" x14ac:dyDescent="0.4">
      <c r="A773">
        <v>4314</v>
      </c>
      <c r="B773">
        <v>224372</v>
      </c>
      <c r="C773" s="1">
        <v>43845</v>
      </c>
      <c r="D773">
        <v>57</v>
      </c>
      <c r="E773">
        <v>30</v>
      </c>
      <c r="F773" t="s">
        <v>60</v>
      </c>
      <c r="G773">
        <v>6</v>
      </c>
      <c r="H773">
        <v>320</v>
      </c>
      <c r="I773">
        <v>1</v>
      </c>
      <c r="J773">
        <v>0</v>
      </c>
      <c r="K773">
        <v>979847</v>
      </c>
      <c r="L773">
        <v>979848</v>
      </c>
      <c r="M773">
        <v>90</v>
      </c>
      <c r="N773" t="s">
        <v>158</v>
      </c>
      <c r="O773" s="1">
        <v>43845.899305555555</v>
      </c>
      <c r="P773" s="1">
        <v>43845.918749999997</v>
      </c>
    </row>
    <row r="774" spans="1:16" x14ac:dyDescent="0.4">
      <c r="A774">
        <v>4315</v>
      </c>
      <c r="B774">
        <v>224372</v>
      </c>
      <c r="C774" s="1">
        <v>43845</v>
      </c>
      <c r="D774">
        <v>62</v>
      </c>
      <c r="E774">
        <v>35</v>
      </c>
      <c r="F774" t="s">
        <v>100</v>
      </c>
      <c r="G774">
        <v>6</v>
      </c>
      <c r="H774">
        <v>320</v>
      </c>
      <c r="I774">
        <v>1</v>
      </c>
      <c r="J774">
        <v>0</v>
      </c>
      <c r="K774">
        <v>979849</v>
      </c>
      <c r="L774">
        <v>979850</v>
      </c>
      <c r="M774">
        <v>90</v>
      </c>
      <c r="N774" t="s">
        <v>158</v>
      </c>
      <c r="O774" s="1">
        <v>43845.899305555555</v>
      </c>
      <c r="P774" s="1">
        <v>43845.918749999997</v>
      </c>
    </row>
    <row r="775" spans="1:16" x14ac:dyDescent="0.4">
      <c r="A775">
        <v>4316</v>
      </c>
      <c r="B775">
        <v>224372</v>
      </c>
      <c r="C775" s="1">
        <v>43845</v>
      </c>
      <c r="D775">
        <v>57</v>
      </c>
      <c r="E775">
        <v>30</v>
      </c>
      <c r="F775" t="s">
        <v>60</v>
      </c>
      <c r="G775">
        <v>6</v>
      </c>
      <c r="H775">
        <v>320</v>
      </c>
      <c r="I775">
        <v>1</v>
      </c>
      <c r="J775">
        <v>0</v>
      </c>
      <c r="K775">
        <v>979851</v>
      </c>
      <c r="L775">
        <v>979852</v>
      </c>
      <c r="M775">
        <v>90</v>
      </c>
      <c r="N775" t="s">
        <v>158</v>
      </c>
      <c r="O775" s="1">
        <v>43845.909722222219</v>
      </c>
      <c r="P775" s="1">
        <v>43845.918749999997</v>
      </c>
    </row>
    <row r="776" spans="1:16" x14ac:dyDescent="0.4">
      <c r="A776">
        <v>4317</v>
      </c>
      <c r="B776">
        <v>224372</v>
      </c>
      <c r="C776" s="1">
        <v>43845</v>
      </c>
      <c r="D776">
        <v>75</v>
      </c>
      <c r="E776">
        <v>56</v>
      </c>
      <c r="F776" t="s">
        <v>49</v>
      </c>
      <c r="G776">
        <v>6</v>
      </c>
      <c r="H776">
        <v>400</v>
      </c>
      <c r="I776">
        <v>1</v>
      </c>
      <c r="J776">
        <v>0</v>
      </c>
      <c r="K776">
        <v>979853</v>
      </c>
      <c r="L776">
        <v>979854</v>
      </c>
      <c r="M776">
        <v>90</v>
      </c>
      <c r="N776" t="s">
        <v>158</v>
      </c>
      <c r="O776" s="1">
        <v>43845.909722222219</v>
      </c>
      <c r="P776" s="1">
        <v>43845.918749999997</v>
      </c>
    </row>
    <row r="777" spans="1:16" x14ac:dyDescent="0.4">
      <c r="A777">
        <v>4318</v>
      </c>
      <c r="B777">
        <v>224372</v>
      </c>
      <c r="C777" s="1">
        <v>43845</v>
      </c>
      <c r="D777">
        <v>57</v>
      </c>
      <c r="E777">
        <v>30</v>
      </c>
      <c r="F777" t="s">
        <v>60</v>
      </c>
      <c r="G777">
        <v>6</v>
      </c>
      <c r="H777">
        <v>320</v>
      </c>
      <c r="I777">
        <v>1</v>
      </c>
      <c r="J777">
        <v>0</v>
      </c>
      <c r="K777">
        <v>979855</v>
      </c>
      <c r="L777">
        <v>979856</v>
      </c>
      <c r="M777">
        <v>90</v>
      </c>
      <c r="N777" t="s">
        <v>158</v>
      </c>
      <c r="O777" s="1">
        <v>43845.918749999997</v>
      </c>
      <c r="P777" s="1">
        <v>43845.918749999997</v>
      </c>
    </row>
    <row r="778" spans="1:16" x14ac:dyDescent="0.4">
      <c r="A778">
        <v>4319</v>
      </c>
      <c r="B778">
        <v>224372</v>
      </c>
      <c r="C778" s="1">
        <v>43845</v>
      </c>
      <c r="D778">
        <v>81</v>
      </c>
      <c r="E778">
        <v>62</v>
      </c>
      <c r="F778" t="s">
        <v>174</v>
      </c>
      <c r="G778">
        <v>6</v>
      </c>
      <c r="H778">
        <v>400</v>
      </c>
      <c r="I778">
        <v>1</v>
      </c>
      <c r="J778">
        <v>0</v>
      </c>
      <c r="K778">
        <v>979857</v>
      </c>
      <c r="L778">
        <v>979858</v>
      </c>
      <c r="M778">
        <v>90</v>
      </c>
      <c r="N778" t="s">
        <v>158</v>
      </c>
      <c r="O778" s="1">
        <v>43845.918749999997</v>
      </c>
      <c r="P778" s="1">
        <v>43845.918749999997</v>
      </c>
    </row>
    <row r="779" spans="1:16" x14ac:dyDescent="0.4">
      <c r="A779">
        <v>4320</v>
      </c>
      <c r="B779">
        <v>224695</v>
      </c>
      <c r="C779" s="1">
        <v>43850</v>
      </c>
      <c r="D779">
        <v>120</v>
      </c>
      <c r="E779">
        <v>140</v>
      </c>
      <c r="F779" t="s">
        <v>119</v>
      </c>
      <c r="G779">
        <v>10</v>
      </c>
      <c r="H779">
        <v>280</v>
      </c>
      <c r="I779">
        <v>1</v>
      </c>
      <c r="J779">
        <v>0</v>
      </c>
      <c r="K779">
        <v>981143</v>
      </c>
      <c r="L779">
        <v>981144</v>
      </c>
      <c r="M779">
        <v>90</v>
      </c>
      <c r="N779" t="s">
        <v>158</v>
      </c>
      <c r="O779" s="1">
        <v>43850.804166666669</v>
      </c>
      <c r="P779" s="1">
        <v>43850.804166666669</v>
      </c>
    </row>
    <row r="780" spans="1:16" x14ac:dyDescent="0.4">
      <c r="A780">
        <v>4321</v>
      </c>
      <c r="B780">
        <v>224747</v>
      </c>
      <c r="C780" s="1">
        <v>43851</v>
      </c>
      <c r="D780">
        <v>143</v>
      </c>
      <c r="E780">
        <v>123</v>
      </c>
      <c r="F780" t="s">
        <v>168</v>
      </c>
      <c r="G780">
        <v>5</v>
      </c>
      <c r="H780">
        <v>350</v>
      </c>
      <c r="I780">
        <v>1</v>
      </c>
      <c r="J780">
        <v>0</v>
      </c>
      <c r="K780">
        <v>981345</v>
      </c>
      <c r="L780">
        <v>981346</v>
      </c>
      <c r="M780">
        <v>100</v>
      </c>
      <c r="N780" t="s">
        <v>1</v>
      </c>
      <c r="O780" s="1">
        <v>43851.837500000001</v>
      </c>
      <c r="P780" s="1">
        <v>43851.84652777778</v>
      </c>
    </row>
    <row r="781" spans="1:16" x14ac:dyDescent="0.4">
      <c r="A781">
        <v>4322</v>
      </c>
      <c r="B781">
        <v>224858</v>
      </c>
      <c r="C781" s="1">
        <v>43853</v>
      </c>
      <c r="D781">
        <v>213</v>
      </c>
      <c r="E781">
        <v>211</v>
      </c>
      <c r="F781" t="s">
        <v>180</v>
      </c>
      <c r="G781">
        <v>7</v>
      </c>
      <c r="H781">
        <v>0</v>
      </c>
      <c r="I781">
        <v>2</v>
      </c>
      <c r="J781">
        <v>0</v>
      </c>
      <c r="K781">
        <v>981746</v>
      </c>
      <c r="L781">
        <v>981747</v>
      </c>
      <c r="M781">
        <v>100</v>
      </c>
      <c r="N781" t="s">
        <v>1</v>
      </c>
      <c r="O781" s="1">
        <v>43853.919444444444</v>
      </c>
      <c r="P781" s="1">
        <v>43853.919444444444</v>
      </c>
    </row>
    <row r="782" spans="1:16" x14ac:dyDescent="0.4">
      <c r="A782">
        <v>4323</v>
      </c>
      <c r="B782">
        <v>224922</v>
      </c>
      <c r="C782" s="1">
        <v>43854</v>
      </c>
      <c r="D782">
        <v>307</v>
      </c>
      <c r="E782">
        <v>1269</v>
      </c>
      <c r="F782" t="s">
        <v>193</v>
      </c>
      <c r="G782">
        <v>11</v>
      </c>
      <c r="H782">
        <v>680</v>
      </c>
      <c r="I782">
        <v>1</v>
      </c>
      <c r="J782">
        <v>0</v>
      </c>
      <c r="K782">
        <v>982019</v>
      </c>
      <c r="L782">
        <v>982020</v>
      </c>
      <c r="M782">
        <v>108</v>
      </c>
      <c r="N782" t="s">
        <v>40</v>
      </c>
      <c r="O782" s="1">
        <v>43854.944444444445</v>
      </c>
      <c r="P782" s="1">
        <v>43854.959722222222</v>
      </c>
    </row>
    <row r="783" spans="1:16" x14ac:dyDescent="0.4">
      <c r="A783">
        <v>4324</v>
      </c>
      <c r="B783">
        <v>225469</v>
      </c>
      <c r="C783" s="1">
        <v>43862</v>
      </c>
      <c r="D783">
        <v>97</v>
      </c>
      <c r="E783">
        <v>21</v>
      </c>
      <c r="F783" t="s">
        <v>117</v>
      </c>
      <c r="G783">
        <v>4</v>
      </c>
      <c r="H783">
        <v>420</v>
      </c>
      <c r="I783">
        <v>1</v>
      </c>
      <c r="J783">
        <v>0</v>
      </c>
      <c r="K783">
        <v>984180</v>
      </c>
      <c r="L783">
        <v>984181</v>
      </c>
      <c r="M783">
        <v>107</v>
      </c>
      <c r="N783" t="s">
        <v>172</v>
      </c>
      <c r="O783" s="1">
        <v>43862.787499999999</v>
      </c>
      <c r="P783" s="1">
        <v>43862.787499999999</v>
      </c>
    </row>
    <row r="784" spans="1:16" x14ac:dyDescent="0.4">
      <c r="A784">
        <v>4326</v>
      </c>
      <c r="B784">
        <v>225570</v>
      </c>
      <c r="C784" s="1">
        <v>43863</v>
      </c>
      <c r="D784">
        <v>66</v>
      </c>
      <c r="E784">
        <v>39</v>
      </c>
      <c r="F784" t="s">
        <v>135</v>
      </c>
      <c r="G784">
        <v>4</v>
      </c>
      <c r="H784">
        <v>320</v>
      </c>
      <c r="I784">
        <v>1</v>
      </c>
      <c r="J784">
        <v>0</v>
      </c>
      <c r="K784">
        <v>984666</v>
      </c>
      <c r="L784">
        <v>984667</v>
      </c>
      <c r="M784">
        <v>107</v>
      </c>
      <c r="N784" t="s">
        <v>172</v>
      </c>
      <c r="O784" s="1">
        <v>43863.951388888891</v>
      </c>
      <c r="P784" s="1">
        <v>43863.979166666664</v>
      </c>
    </row>
    <row r="785" spans="1:16" x14ac:dyDescent="0.4">
      <c r="A785">
        <v>4327</v>
      </c>
      <c r="B785">
        <v>225570</v>
      </c>
      <c r="C785" s="1">
        <v>43863</v>
      </c>
      <c r="D785">
        <v>90</v>
      </c>
      <c r="E785">
        <v>71</v>
      </c>
      <c r="F785" t="s">
        <v>91</v>
      </c>
      <c r="G785">
        <v>4</v>
      </c>
      <c r="H785">
        <v>400</v>
      </c>
      <c r="I785">
        <v>1</v>
      </c>
      <c r="J785">
        <v>0</v>
      </c>
      <c r="K785">
        <v>984668</v>
      </c>
      <c r="L785">
        <v>984669</v>
      </c>
      <c r="M785">
        <v>107</v>
      </c>
      <c r="N785" t="s">
        <v>172</v>
      </c>
      <c r="O785" s="1">
        <v>43863.951388888891</v>
      </c>
      <c r="P785" s="1">
        <v>43863.979166666664</v>
      </c>
    </row>
    <row r="786" spans="1:16" x14ac:dyDescent="0.4">
      <c r="A786">
        <v>3265</v>
      </c>
      <c r="B786">
        <v>147516</v>
      </c>
      <c r="C786" s="1">
        <v>42732</v>
      </c>
      <c r="D786">
        <v>162</v>
      </c>
      <c r="E786">
        <v>116</v>
      </c>
      <c r="F786" t="s">
        <v>81</v>
      </c>
      <c r="G786">
        <v>17</v>
      </c>
      <c r="H786">
        <v>550</v>
      </c>
      <c r="I786">
        <v>1</v>
      </c>
      <c r="J786">
        <v>0</v>
      </c>
      <c r="K786">
        <v>652005</v>
      </c>
      <c r="L786">
        <v>652006</v>
      </c>
      <c r="M786">
        <v>90</v>
      </c>
      <c r="N786" t="s">
        <v>9</v>
      </c>
      <c r="O786" s="1">
        <v>42732.936111111114</v>
      </c>
      <c r="P786" s="1">
        <v>42732.972222222219</v>
      </c>
    </row>
    <row r="787" spans="1:16" x14ac:dyDescent="0.4">
      <c r="A787">
        <v>3266</v>
      </c>
      <c r="B787">
        <v>147544</v>
      </c>
      <c r="C787" s="1">
        <v>42732</v>
      </c>
      <c r="D787">
        <v>174</v>
      </c>
      <c r="E787">
        <v>320</v>
      </c>
      <c r="F787" t="s">
        <v>47</v>
      </c>
      <c r="G787">
        <v>19</v>
      </c>
      <c r="H787">
        <v>380</v>
      </c>
      <c r="I787">
        <v>1</v>
      </c>
      <c r="J787">
        <v>0</v>
      </c>
      <c r="K787">
        <v>652121</v>
      </c>
      <c r="L787">
        <v>652122</v>
      </c>
      <c r="M787">
        <v>29</v>
      </c>
      <c r="O787" s="1">
        <v>42733.084722222222</v>
      </c>
      <c r="P787" s="1">
        <v>42733.105555555558</v>
      </c>
    </row>
    <row r="788" spans="1:16" x14ac:dyDescent="0.4">
      <c r="A788">
        <v>3267</v>
      </c>
      <c r="B788">
        <v>147548</v>
      </c>
      <c r="C788" s="1">
        <v>42732</v>
      </c>
      <c r="D788">
        <v>144</v>
      </c>
      <c r="E788">
        <v>130</v>
      </c>
      <c r="F788" t="s">
        <v>42</v>
      </c>
      <c r="G788">
        <v>2</v>
      </c>
      <c r="H788">
        <v>200</v>
      </c>
      <c r="I788">
        <v>1</v>
      </c>
      <c r="J788">
        <v>0</v>
      </c>
      <c r="K788">
        <v>652139</v>
      </c>
      <c r="L788">
        <v>652140</v>
      </c>
      <c r="M788">
        <v>90</v>
      </c>
      <c r="N788" t="s">
        <v>9</v>
      </c>
      <c r="O788" s="1">
        <v>42733.111111111109</v>
      </c>
      <c r="P788" s="1">
        <v>42733.14166666667</v>
      </c>
    </row>
    <row r="789" spans="1:16" x14ac:dyDescent="0.4">
      <c r="A789">
        <v>3268</v>
      </c>
      <c r="B789">
        <v>147547</v>
      </c>
      <c r="C789" s="1">
        <v>42732</v>
      </c>
      <c r="D789">
        <v>301</v>
      </c>
      <c r="E789">
        <v>1430</v>
      </c>
      <c r="F789" t="s">
        <v>19</v>
      </c>
      <c r="G789">
        <v>15</v>
      </c>
      <c r="H789">
        <v>420</v>
      </c>
      <c r="I789">
        <v>1</v>
      </c>
      <c r="J789">
        <v>0</v>
      </c>
      <c r="K789">
        <v>652145</v>
      </c>
      <c r="L789">
        <v>652146</v>
      </c>
      <c r="M789">
        <v>90</v>
      </c>
      <c r="N789" t="s">
        <v>9</v>
      </c>
      <c r="O789" s="1">
        <v>42733.147222222222</v>
      </c>
      <c r="P789" s="1">
        <v>42733.147916666669</v>
      </c>
    </row>
    <row r="790" spans="1:16" x14ac:dyDescent="0.4">
      <c r="A790">
        <v>3895</v>
      </c>
      <c r="B790">
        <v>190052</v>
      </c>
      <c r="C790" s="1">
        <v>43341</v>
      </c>
      <c r="D790">
        <v>158</v>
      </c>
      <c r="E790">
        <v>117</v>
      </c>
      <c r="F790" t="s">
        <v>20</v>
      </c>
      <c r="G790">
        <v>4</v>
      </c>
      <c r="H790">
        <v>500</v>
      </c>
      <c r="I790">
        <v>1</v>
      </c>
      <c r="J790">
        <v>0</v>
      </c>
      <c r="K790">
        <v>840830</v>
      </c>
      <c r="L790">
        <v>840831</v>
      </c>
      <c r="M790">
        <v>100</v>
      </c>
      <c r="N790" t="s">
        <v>1</v>
      </c>
      <c r="O790" s="1">
        <v>43342.192361111112</v>
      </c>
      <c r="P790" s="1">
        <v>43342.237500000003</v>
      </c>
    </row>
    <row r="791" spans="1:16" x14ac:dyDescent="0.4">
      <c r="A791">
        <v>4015</v>
      </c>
      <c r="B791">
        <v>205545</v>
      </c>
      <c r="C791" s="1">
        <v>43571</v>
      </c>
      <c r="D791">
        <v>179</v>
      </c>
      <c r="E791">
        <v>146</v>
      </c>
      <c r="F791" t="s">
        <v>194</v>
      </c>
      <c r="G791">
        <v>7</v>
      </c>
      <c r="H791">
        <v>250</v>
      </c>
      <c r="I791">
        <v>1</v>
      </c>
      <c r="J791">
        <v>0</v>
      </c>
      <c r="K791">
        <v>904385</v>
      </c>
      <c r="L791">
        <v>904386</v>
      </c>
      <c r="M791">
        <v>100</v>
      </c>
      <c r="N791" t="s">
        <v>1</v>
      </c>
      <c r="O791" s="1">
        <v>43571.984722222223</v>
      </c>
      <c r="P791" s="1">
        <v>43571.990972222222</v>
      </c>
    </row>
    <row r="792" spans="1:16" x14ac:dyDescent="0.4">
      <c r="A792">
        <v>4028</v>
      </c>
      <c r="B792">
        <v>206438</v>
      </c>
      <c r="C792" s="1">
        <v>43584</v>
      </c>
      <c r="D792">
        <v>148</v>
      </c>
      <c r="E792">
        <v>124</v>
      </c>
      <c r="F792" t="s">
        <v>35</v>
      </c>
      <c r="G792">
        <v>7</v>
      </c>
      <c r="H792">
        <v>450</v>
      </c>
      <c r="I792">
        <v>1</v>
      </c>
      <c r="J792">
        <v>0</v>
      </c>
      <c r="K792">
        <v>908040</v>
      </c>
      <c r="L792">
        <v>908041</v>
      </c>
      <c r="M792">
        <v>108</v>
      </c>
      <c r="N792" t="s">
        <v>40</v>
      </c>
      <c r="O792" s="1">
        <v>43585.047222222223</v>
      </c>
      <c r="P792" s="1">
        <v>43585.067361111112</v>
      </c>
    </row>
    <row r="793" spans="1:16" x14ac:dyDescent="0.4">
      <c r="A793">
        <v>4331</v>
      </c>
      <c r="B793">
        <v>225629</v>
      </c>
      <c r="C793" s="1">
        <v>43864</v>
      </c>
      <c r="D793">
        <v>213</v>
      </c>
      <c r="E793">
        <v>211</v>
      </c>
      <c r="F793" t="s">
        <v>180</v>
      </c>
      <c r="G793">
        <v>1</v>
      </c>
      <c r="H793">
        <v>0</v>
      </c>
      <c r="I793">
        <v>1</v>
      </c>
      <c r="J793">
        <v>0</v>
      </c>
      <c r="K793">
        <v>984911</v>
      </c>
      <c r="L793">
        <v>984912</v>
      </c>
      <c r="M793">
        <v>94</v>
      </c>
      <c r="N793" t="s">
        <v>183</v>
      </c>
      <c r="O793" s="1">
        <v>43865.147222222222</v>
      </c>
      <c r="P793" s="1">
        <v>43865.212500000001</v>
      </c>
    </row>
    <row r="794" spans="1:16" x14ac:dyDescent="0.4">
      <c r="A794">
        <v>4332</v>
      </c>
      <c r="B794">
        <v>225629</v>
      </c>
      <c r="C794" s="1">
        <v>43864</v>
      </c>
      <c r="D794">
        <v>86</v>
      </c>
      <c r="E794">
        <v>67</v>
      </c>
      <c r="F794" t="s">
        <v>93</v>
      </c>
      <c r="G794">
        <v>1</v>
      </c>
      <c r="H794">
        <v>0</v>
      </c>
      <c r="I794">
        <v>1</v>
      </c>
      <c r="J794">
        <v>0</v>
      </c>
      <c r="K794">
        <v>984913</v>
      </c>
      <c r="L794">
        <v>984914</v>
      </c>
      <c r="M794">
        <v>94</v>
      </c>
      <c r="N794" t="s">
        <v>183</v>
      </c>
      <c r="O794" s="1">
        <v>43865.147222222222</v>
      </c>
      <c r="P794" s="1">
        <v>43865.212500000001</v>
      </c>
    </row>
    <row r="795" spans="1:16" x14ac:dyDescent="0.4">
      <c r="A795">
        <v>4333</v>
      </c>
      <c r="B795">
        <v>225629</v>
      </c>
      <c r="C795" s="1">
        <v>43864</v>
      </c>
      <c r="D795">
        <v>86</v>
      </c>
      <c r="E795">
        <v>67</v>
      </c>
      <c r="F795" t="s">
        <v>93</v>
      </c>
      <c r="G795">
        <v>1</v>
      </c>
      <c r="H795">
        <v>0</v>
      </c>
      <c r="I795">
        <v>1</v>
      </c>
      <c r="J795">
        <v>0</v>
      </c>
      <c r="K795">
        <v>984915</v>
      </c>
      <c r="L795">
        <v>984916</v>
      </c>
      <c r="M795">
        <v>94</v>
      </c>
      <c r="N795" t="s">
        <v>183</v>
      </c>
      <c r="O795" s="1">
        <v>43865.209722222222</v>
      </c>
      <c r="P795" s="1">
        <v>43865.213194444441</v>
      </c>
    </row>
    <row r="796" spans="1:16" x14ac:dyDescent="0.4">
      <c r="A796">
        <v>4334</v>
      </c>
      <c r="B796">
        <v>225859</v>
      </c>
      <c r="C796" s="1">
        <v>43869</v>
      </c>
      <c r="D796">
        <v>93</v>
      </c>
      <c r="E796">
        <v>74</v>
      </c>
      <c r="F796" t="s">
        <v>134</v>
      </c>
      <c r="G796">
        <v>11</v>
      </c>
      <c r="H796">
        <v>480</v>
      </c>
      <c r="I796">
        <v>1</v>
      </c>
      <c r="J796">
        <v>0</v>
      </c>
      <c r="K796">
        <v>985838</v>
      </c>
      <c r="L796">
        <v>985839</v>
      </c>
      <c r="M796">
        <v>97</v>
      </c>
      <c r="N796" t="s">
        <v>163</v>
      </c>
      <c r="O796" s="1">
        <v>43869.519444444442</v>
      </c>
      <c r="P796" s="1">
        <v>43869.520138888889</v>
      </c>
    </row>
    <row r="797" spans="1:16" x14ac:dyDescent="0.4">
      <c r="A797">
        <v>4336</v>
      </c>
      <c r="B797">
        <v>225959</v>
      </c>
      <c r="C797" s="1">
        <v>43870</v>
      </c>
      <c r="D797">
        <v>290</v>
      </c>
      <c r="E797">
        <v>1260</v>
      </c>
      <c r="F797" t="s">
        <v>167</v>
      </c>
      <c r="G797">
        <v>19</v>
      </c>
      <c r="H797">
        <v>400</v>
      </c>
      <c r="I797">
        <v>1</v>
      </c>
      <c r="J797">
        <v>0</v>
      </c>
      <c r="K797">
        <v>986295</v>
      </c>
      <c r="L797">
        <v>986296</v>
      </c>
      <c r="M797">
        <v>97</v>
      </c>
      <c r="N797" t="s">
        <v>163</v>
      </c>
      <c r="O797" s="1">
        <v>43870.470138888886</v>
      </c>
      <c r="P797" s="1">
        <v>43870.470138888886</v>
      </c>
    </row>
    <row r="798" spans="1:16" x14ac:dyDescent="0.4">
      <c r="A798">
        <v>4344</v>
      </c>
      <c r="B798">
        <v>226012</v>
      </c>
      <c r="C798" s="1">
        <v>43871</v>
      </c>
      <c r="D798">
        <v>280</v>
      </c>
      <c r="E798">
        <v>1266</v>
      </c>
      <c r="F798" t="s">
        <v>162</v>
      </c>
      <c r="G798">
        <v>3</v>
      </c>
      <c r="H798">
        <v>540</v>
      </c>
      <c r="I798">
        <v>1</v>
      </c>
      <c r="J798">
        <v>0</v>
      </c>
      <c r="K798">
        <v>986516</v>
      </c>
      <c r="L798">
        <v>986517</v>
      </c>
      <c r="M798">
        <v>96</v>
      </c>
      <c r="N798" t="s">
        <v>7</v>
      </c>
      <c r="O798" s="1">
        <v>43871.559027777781</v>
      </c>
      <c r="P798" s="1">
        <v>43871.561805555553</v>
      </c>
    </row>
    <row r="799" spans="1:16" x14ac:dyDescent="0.4">
      <c r="A799">
        <v>4345</v>
      </c>
      <c r="B799">
        <v>226176</v>
      </c>
      <c r="C799" s="1">
        <v>43873</v>
      </c>
      <c r="D799">
        <v>57</v>
      </c>
      <c r="E799">
        <v>30</v>
      </c>
      <c r="F799" t="s">
        <v>60</v>
      </c>
      <c r="G799">
        <v>1</v>
      </c>
      <c r="H799">
        <v>0</v>
      </c>
      <c r="I799">
        <v>227</v>
      </c>
      <c r="J799">
        <v>1</v>
      </c>
      <c r="K799">
        <v>987083</v>
      </c>
      <c r="L799">
        <v>987084</v>
      </c>
      <c r="M799">
        <v>101</v>
      </c>
      <c r="N799" t="s">
        <v>97</v>
      </c>
      <c r="O799" s="1">
        <v>43873.901388888888</v>
      </c>
      <c r="P799" s="1">
        <v>43873.90347222222</v>
      </c>
    </row>
    <row r="800" spans="1:16" x14ac:dyDescent="0.4">
      <c r="A800">
        <v>4346</v>
      </c>
      <c r="B800">
        <v>226176</v>
      </c>
      <c r="C800" s="1">
        <v>43873</v>
      </c>
      <c r="D800">
        <v>321</v>
      </c>
      <c r="E800">
        <v>234</v>
      </c>
      <c r="F800" t="s">
        <v>195</v>
      </c>
      <c r="G800">
        <v>1</v>
      </c>
      <c r="H800">
        <v>480</v>
      </c>
      <c r="I800">
        <v>1</v>
      </c>
      <c r="J800">
        <v>0</v>
      </c>
      <c r="K800">
        <v>987085</v>
      </c>
      <c r="L800">
        <v>987086</v>
      </c>
      <c r="M800">
        <v>101</v>
      </c>
      <c r="N800" t="s">
        <v>97</v>
      </c>
      <c r="O800" s="1">
        <v>43873.901388888888</v>
      </c>
      <c r="P800" s="1">
        <v>43873.90347222222</v>
      </c>
    </row>
    <row r="801" spans="1:16" x14ac:dyDescent="0.4">
      <c r="A801">
        <v>4347</v>
      </c>
      <c r="B801">
        <v>226349</v>
      </c>
      <c r="C801" s="1">
        <v>43876</v>
      </c>
      <c r="D801">
        <v>145</v>
      </c>
      <c r="E801">
        <v>132</v>
      </c>
      <c r="F801" t="s">
        <v>74</v>
      </c>
      <c r="G801">
        <v>6</v>
      </c>
      <c r="H801">
        <v>300</v>
      </c>
      <c r="I801">
        <v>1</v>
      </c>
      <c r="J801">
        <v>0</v>
      </c>
      <c r="K801">
        <v>987817</v>
      </c>
      <c r="L801">
        <v>987818</v>
      </c>
      <c r="M801">
        <v>108</v>
      </c>
      <c r="N801" t="s">
        <v>40</v>
      </c>
      <c r="O801" s="1">
        <v>43876.875</v>
      </c>
      <c r="P801" s="1">
        <v>43876.897222222222</v>
      </c>
    </row>
    <row r="802" spans="1:16" x14ac:dyDescent="0.4">
      <c r="A802">
        <v>4348</v>
      </c>
      <c r="B802">
        <v>226434</v>
      </c>
      <c r="C802" s="1">
        <v>43877</v>
      </c>
      <c r="D802">
        <v>205</v>
      </c>
      <c r="E802">
        <v>400</v>
      </c>
      <c r="F802" t="s">
        <v>196</v>
      </c>
      <c r="G802">
        <v>1</v>
      </c>
      <c r="H802">
        <v>320</v>
      </c>
      <c r="I802">
        <v>1</v>
      </c>
      <c r="J802">
        <v>0</v>
      </c>
      <c r="K802">
        <v>988165</v>
      </c>
      <c r="L802">
        <v>988166</v>
      </c>
      <c r="M802">
        <v>101</v>
      </c>
      <c r="N802" t="s">
        <v>97</v>
      </c>
      <c r="O802" s="1">
        <v>43877.856944444444</v>
      </c>
      <c r="P802" s="1">
        <v>43877.897916666669</v>
      </c>
    </row>
    <row r="803" spans="1:16" x14ac:dyDescent="0.4">
      <c r="A803">
        <v>4349</v>
      </c>
      <c r="B803">
        <v>226495</v>
      </c>
      <c r="C803" s="1">
        <v>43878</v>
      </c>
      <c r="D803">
        <v>200</v>
      </c>
      <c r="E803">
        <v>6655</v>
      </c>
      <c r="F803" t="s">
        <v>197</v>
      </c>
      <c r="G803">
        <v>6</v>
      </c>
      <c r="H803">
        <v>320</v>
      </c>
      <c r="I803">
        <v>1</v>
      </c>
      <c r="J803">
        <v>0</v>
      </c>
      <c r="K803">
        <v>988365</v>
      </c>
      <c r="L803">
        <v>988366</v>
      </c>
      <c r="M803">
        <v>98</v>
      </c>
      <c r="N803" t="s">
        <v>155</v>
      </c>
      <c r="O803" s="1">
        <v>43878.911111111112</v>
      </c>
      <c r="P803" s="1">
        <v>43878.912499999999</v>
      </c>
    </row>
    <row r="804" spans="1:16" x14ac:dyDescent="0.4">
      <c r="A804">
        <v>4350</v>
      </c>
      <c r="B804">
        <v>226495</v>
      </c>
      <c r="C804" s="1">
        <v>43878</v>
      </c>
      <c r="D804">
        <v>200</v>
      </c>
      <c r="E804">
        <v>6655</v>
      </c>
      <c r="F804" t="s">
        <v>197</v>
      </c>
      <c r="G804">
        <v>6</v>
      </c>
      <c r="H804">
        <v>320</v>
      </c>
      <c r="I804">
        <v>1</v>
      </c>
      <c r="J804">
        <v>0</v>
      </c>
      <c r="K804">
        <v>988367</v>
      </c>
      <c r="L804">
        <v>988368</v>
      </c>
      <c r="M804">
        <v>98</v>
      </c>
      <c r="N804" t="s">
        <v>155</v>
      </c>
      <c r="O804" s="1">
        <v>43878.905555555553</v>
      </c>
      <c r="P804" s="1">
        <v>43878.912499999999</v>
      </c>
    </row>
    <row r="805" spans="1:16" x14ac:dyDescent="0.4">
      <c r="A805">
        <v>4351</v>
      </c>
      <c r="B805">
        <v>226531</v>
      </c>
      <c r="C805" s="1">
        <v>43879</v>
      </c>
      <c r="D805">
        <v>213</v>
      </c>
      <c r="E805">
        <v>211</v>
      </c>
      <c r="F805" t="s">
        <v>180</v>
      </c>
      <c r="G805">
        <v>4</v>
      </c>
      <c r="H805">
        <v>0</v>
      </c>
      <c r="I805">
        <v>1</v>
      </c>
      <c r="J805">
        <v>0</v>
      </c>
      <c r="K805">
        <v>988520</v>
      </c>
      <c r="L805">
        <v>988521</v>
      </c>
      <c r="M805">
        <v>98</v>
      </c>
      <c r="N805" t="s">
        <v>155</v>
      </c>
      <c r="O805" s="1">
        <v>43879.90347222222</v>
      </c>
      <c r="P805" s="1">
        <v>43879.90347222222</v>
      </c>
    </row>
    <row r="806" spans="1:16" x14ac:dyDescent="0.4">
      <c r="A806">
        <v>4352</v>
      </c>
      <c r="B806">
        <v>226982</v>
      </c>
      <c r="C806" s="1">
        <v>43885</v>
      </c>
      <c r="D806">
        <v>308</v>
      </c>
      <c r="E806">
        <v>1268</v>
      </c>
      <c r="F806" t="s">
        <v>198</v>
      </c>
      <c r="G806">
        <v>3</v>
      </c>
      <c r="H806">
        <v>420</v>
      </c>
      <c r="I806">
        <v>2</v>
      </c>
      <c r="J806">
        <v>1</v>
      </c>
      <c r="K806">
        <v>990243</v>
      </c>
      <c r="L806">
        <v>990244</v>
      </c>
      <c r="M806">
        <v>107</v>
      </c>
      <c r="N806" t="s">
        <v>172</v>
      </c>
      <c r="O806" s="1">
        <v>43885.938194444447</v>
      </c>
      <c r="P806" s="1">
        <v>43885.939583333333</v>
      </c>
    </row>
    <row r="807" spans="1:16" x14ac:dyDescent="0.4">
      <c r="A807">
        <v>4353</v>
      </c>
      <c r="B807">
        <v>227088</v>
      </c>
      <c r="C807" s="1">
        <v>43887</v>
      </c>
      <c r="D807">
        <v>290</v>
      </c>
      <c r="E807">
        <v>1260</v>
      </c>
      <c r="F807" t="s">
        <v>167</v>
      </c>
      <c r="G807">
        <v>15</v>
      </c>
      <c r="H807">
        <v>400</v>
      </c>
      <c r="I807">
        <v>1</v>
      </c>
      <c r="J807">
        <v>0</v>
      </c>
      <c r="K807">
        <v>990619</v>
      </c>
      <c r="L807">
        <v>990620</v>
      </c>
      <c r="M807">
        <v>100</v>
      </c>
      <c r="N807" t="s">
        <v>1</v>
      </c>
      <c r="O807" s="1">
        <v>43887.770833333336</v>
      </c>
      <c r="P807" s="1">
        <v>43887.771527777775</v>
      </c>
    </row>
    <row r="808" spans="1:16" x14ac:dyDescent="0.4">
      <c r="A808">
        <v>4354</v>
      </c>
      <c r="B808">
        <v>227226</v>
      </c>
      <c r="C808" s="1">
        <v>43889</v>
      </c>
      <c r="D808">
        <v>205</v>
      </c>
      <c r="E808">
        <v>400</v>
      </c>
      <c r="F808" t="s">
        <v>196</v>
      </c>
      <c r="G808">
        <v>4</v>
      </c>
      <c r="H808">
        <v>320</v>
      </c>
      <c r="I808">
        <v>1</v>
      </c>
      <c r="J808">
        <v>0</v>
      </c>
      <c r="K808">
        <v>991170</v>
      </c>
      <c r="L808">
        <v>991171</v>
      </c>
      <c r="M808">
        <v>84</v>
      </c>
      <c r="N808" t="s">
        <v>79</v>
      </c>
      <c r="O808" s="1">
        <v>43890.154861111114</v>
      </c>
      <c r="P808" s="1">
        <v>43890.154861111114</v>
      </c>
    </row>
    <row r="809" spans="1:16" x14ac:dyDescent="0.4">
      <c r="A809">
        <v>4355</v>
      </c>
      <c r="B809">
        <v>227236</v>
      </c>
      <c r="C809" s="1">
        <v>43890</v>
      </c>
      <c r="D809">
        <v>125</v>
      </c>
      <c r="E809">
        <v>126</v>
      </c>
      <c r="F809" t="s">
        <v>159</v>
      </c>
      <c r="G809">
        <v>19</v>
      </c>
      <c r="H809">
        <v>280</v>
      </c>
      <c r="I809">
        <v>1</v>
      </c>
      <c r="J809">
        <v>0</v>
      </c>
      <c r="K809">
        <v>991237</v>
      </c>
      <c r="L809">
        <v>991238</v>
      </c>
      <c r="M809">
        <v>97</v>
      </c>
      <c r="N809" t="s">
        <v>163</v>
      </c>
      <c r="O809" s="1">
        <v>43890.461805555555</v>
      </c>
      <c r="P809" s="1">
        <v>43890.570138888892</v>
      </c>
    </row>
    <row r="810" spans="1:16" x14ac:dyDescent="0.4">
      <c r="A810">
        <v>4356</v>
      </c>
      <c r="B810">
        <v>227546</v>
      </c>
      <c r="C810" s="1">
        <v>43894</v>
      </c>
      <c r="D810">
        <v>144</v>
      </c>
      <c r="E810">
        <v>130</v>
      </c>
      <c r="F810" t="s">
        <v>42</v>
      </c>
      <c r="G810">
        <v>3</v>
      </c>
      <c r="H810">
        <v>200</v>
      </c>
      <c r="I810">
        <v>1</v>
      </c>
      <c r="J810">
        <v>0</v>
      </c>
      <c r="K810">
        <v>992337</v>
      </c>
      <c r="L810">
        <v>992338</v>
      </c>
      <c r="M810">
        <v>100</v>
      </c>
      <c r="N810" t="s">
        <v>1</v>
      </c>
      <c r="O810" s="1">
        <v>43894.874305555553</v>
      </c>
      <c r="P810" s="1">
        <v>43894.875694444447</v>
      </c>
    </row>
    <row r="811" spans="1:16" x14ac:dyDescent="0.4">
      <c r="A811">
        <v>4357</v>
      </c>
      <c r="B811">
        <v>227735</v>
      </c>
      <c r="C811" s="1">
        <v>43897</v>
      </c>
      <c r="D811">
        <v>213</v>
      </c>
      <c r="E811">
        <v>211</v>
      </c>
      <c r="F811" t="s">
        <v>180</v>
      </c>
      <c r="G811">
        <v>10</v>
      </c>
      <c r="H811">
        <v>0</v>
      </c>
      <c r="I811">
        <v>2</v>
      </c>
      <c r="J811">
        <v>0</v>
      </c>
      <c r="K811">
        <v>993074</v>
      </c>
      <c r="L811">
        <v>993075</v>
      </c>
      <c r="M811">
        <v>97</v>
      </c>
      <c r="N811" t="s">
        <v>163</v>
      </c>
      <c r="O811" s="1">
        <v>43897.715277777781</v>
      </c>
      <c r="P811" s="1">
        <v>43897.742361111108</v>
      </c>
    </row>
    <row r="812" spans="1:16" x14ac:dyDescent="0.4">
      <c r="A812">
        <v>4358</v>
      </c>
      <c r="B812">
        <v>227929</v>
      </c>
      <c r="C812" s="1">
        <v>43900</v>
      </c>
      <c r="D812">
        <v>127</v>
      </c>
      <c r="E812">
        <v>136</v>
      </c>
      <c r="F812" t="s">
        <v>32</v>
      </c>
      <c r="G812">
        <v>13</v>
      </c>
      <c r="H812">
        <v>600</v>
      </c>
      <c r="I812">
        <v>1</v>
      </c>
      <c r="J812">
        <v>0</v>
      </c>
      <c r="K812">
        <v>993802</v>
      </c>
      <c r="L812">
        <v>993803</v>
      </c>
      <c r="M812">
        <v>107</v>
      </c>
      <c r="N812" t="s">
        <v>172</v>
      </c>
      <c r="O812" s="1">
        <v>43900.661805555559</v>
      </c>
      <c r="P812" s="1">
        <v>43900.661805555559</v>
      </c>
    </row>
    <row r="813" spans="1:16" x14ac:dyDescent="0.4">
      <c r="A813">
        <v>4359</v>
      </c>
      <c r="B813">
        <v>228086</v>
      </c>
      <c r="C813" s="1">
        <v>43902</v>
      </c>
      <c r="D813">
        <v>161</v>
      </c>
      <c r="E813">
        <v>115</v>
      </c>
      <c r="F813" t="s">
        <v>101</v>
      </c>
      <c r="G813">
        <v>8</v>
      </c>
      <c r="H813">
        <v>550</v>
      </c>
      <c r="I813">
        <v>1</v>
      </c>
      <c r="J813">
        <v>0</v>
      </c>
      <c r="K813">
        <v>994381</v>
      </c>
      <c r="L813">
        <v>994382</v>
      </c>
      <c r="M813">
        <v>107</v>
      </c>
      <c r="N813" t="s">
        <v>172</v>
      </c>
      <c r="O813" s="1">
        <v>43903.201388888891</v>
      </c>
      <c r="P813" s="1">
        <v>43903.203472222223</v>
      </c>
    </row>
    <row r="814" spans="1:16" x14ac:dyDescent="0.4">
      <c r="A814">
        <v>4360</v>
      </c>
      <c r="B814">
        <v>228548</v>
      </c>
      <c r="C814" s="1">
        <v>43909</v>
      </c>
      <c r="D814">
        <v>182</v>
      </c>
      <c r="E814">
        <v>143</v>
      </c>
      <c r="F814" t="s">
        <v>151</v>
      </c>
      <c r="G814">
        <v>1</v>
      </c>
      <c r="H814">
        <v>380</v>
      </c>
      <c r="I814">
        <v>1</v>
      </c>
      <c r="J814">
        <v>0</v>
      </c>
      <c r="K814">
        <v>996113</v>
      </c>
      <c r="L814">
        <v>996114</v>
      </c>
      <c r="M814">
        <v>84</v>
      </c>
      <c r="N814" t="s">
        <v>79</v>
      </c>
      <c r="O814" s="1">
        <v>43909.872916666667</v>
      </c>
      <c r="P814" s="1">
        <v>43909.878472222219</v>
      </c>
    </row>
    <row r="815" spans="1:16" x14ac:dyDescent="0.4">
      <c r="A815">
        <v>4361</v>
      </c>
      <c r="B815">
        <v>228548</v>
      </c>
      <c r="C815" s="1">
        <v>43909</v>
      </c>
      <c r="D815">
        <v>182</v>
      </c>
      <c r="E815">
        <v>143</v>
      </c>
      <c r="F815" t="s">
        <v>151</v>
      </c>
      <c r="G815">
        <v>1</v>
      </c>
      <c r="H815">
        <v>380</v>
      </c>
      <c r="I815">
        <v>1</v>
      </c>
      <c r="J815">
        <v>0</v>
      </c>
      <c r="K815">
        <v>996115</v>
      </c>
      <c r="L815">
        <v>996116</v>
      </c>
      <c r="M815">
        <v>84</v>
      </c>
      <c r="N815" t="s">
        <v>79</v>
      </c>
      <c r="O815" s="1">
        <v>43909.872916666667</v>
      </c>
      <c r="P815" s="1">
        <v>43909.878472222219</v>
      </c>
    </row>
    <row r="816" spans="1:16" x14ac:dyDescent="0.4">
      <c r="A816">
        <v>4362</v>
      </c>
      <c r="B816">
        <v>228622</v>
      </c>
      <c r="C816" s="1">
        <v>43910</v>
      </c>
      <c r="D816">
        <v>186</v>
      </c>
      <c r="E816">
        <v>225</v>
      </c>
      <c r="F816" t="s">
        <v>34</v>
      </c>
      <c r="G816">
        <v>8</v>
      </c>
      <c r="H816">
        <v>350</v>
      </c>
      <c r="I816">
        <v>4</v>
      </c>
      <c r="J816">
        <v>0</v>
      </c>
      <c r="K816">
        <v>996384</v>
      </c>
      <c r="L816">
        <v>996385</v>
      </c>
      <c r="M816">
        <v>100</v>
      </c>
      <c r="N816" t="s">
        <v>1</v>
      </c>
      <c r="O816" s="1">
        <v>43910.988888888889</v>
      </c>
      <c r="P816" s="1">
        <v>43910.988888888889</v>
      </c>
    </row>
    <row r="817" spans="1:16" x14ac:dyDescent="0.4">
      <c r="A817">
        <v>4363</v>
      </c>
      <c r="B817">
        <v>228648</v>
      </c>
      <c r="C817" s="1">
        <v>43911</v>
      </c>
      <c r="D817">
        <v>290</v>
      </c>
      <c r="E817">
        <v>1260</v>
      </c>
      <c r="F817" t="s">
        <v>167</v>
      </c>
      <c r="G817">
        <v>4</v>
      </c>
      <c r="H817">
        <v>400</v>
      </c>
      <c r="I817">
        <v>2</v>
      </c>
      <c r="J817">
        <v>0</v>
      </c>
      <c r="K817">
        <v>996481</v>
      </c>
      <c r="L817">
        <v>996482</v>
      </c>
      <c r="M817">
        <v>97</v>
      </c>
      <c r="N817" t="s">
        <v>163</v>
      </c>
      <c r="O817" s="1">
        <v>43911.543055555558</v>
      </c>
      <c r="P817" s="1">
        <v>43911.544444444444</v>
      </c>
    </row>
    <row r="818" spans="1:16" x14ac:dyDescent="0.4">
      <c r="A818">
        <v>4364</v>
      </c>
      <c r="B818">
        <v>228755</v>
      </c>
      <c r="C818" s="1">
        <v>43912</v>
      </c>
      <c r="D818">
        <v>331</v>
      </c>
      <c r="E818">
        <v>4</v>
      </c>
      <c r="F818" t="s">
        <v>199</v>
      </c>
      <c r="G818">
        <v>16</v>
      </c>
      <c r="H818">
        <v>400</v>
      </c>
      <c r="I818">
        <v>1</v>
      </c>
      <c r="J818">
        <v>0</v>
      </c>
      <c r="K818">
        <v>996931</v>
      </c>
      <c r="L818">
        <v>996932</v>
      </c>
      <c r="M818">
        <v>90</v>
      </c>
      <c r="N818" t="s">
        <v>158</v>
      </c>
      <c r="O818" s="1">
        <v>43912.714583333334</v>
      </c>
      <c r="P818" s="1">
        <v>43912.728472222225</v>
      </c>
    </row>
    <row r="819" spans="1:16" x14ac:dyDescent="0.4">
      <c r="A819">
        <v>4365</v>
      </c>
      <c r="B819">
        <v>229177</v>
      </c>
      <c r="C819" s="1">
        <v>43918</v>
      </c>
      <c r="D819">
        <v>329</v>
      </c>
      <c r="E819">
        <v>2</v>
      </c>
      <c r="F819" t="s">
        <v>200</v>
      </c>
      <c r="G819">
        <v>7</v>
      </c>
      <c r="H819">
        <v>0</v>
      </c>
      <c r="I819">
        <v>1</v>
      </c>
      <c r="J819">
        <v>0</v>
      </c>
      <c r="K819">
        <v>998520</v>
      </c>
      <c r="L819">
        <v>998521</v>
      </c>
      <c r="M819">
        <v>100</v>
      </c>
      <c r="N819" t="s">
        <v>1</v>
      </c>
      <c r="O819" s="1">
        <v>43919.065972222219</v>
      </c>
      <c r="P819" s="1">
        <v>43919.068749999999</v>
      </c>
    </row>
    <row r="820" spans="1:16" x14ac:dyDescent="0.4">
      <c r="A820">
        <v>4366</v>
      </c>
      <c r="B820">
        <v>229177</v>
      </c>
      <c r="C820" s="1">
        <v>43918</v>
      </c>
      <c r="D820">
        <v>213</v>
      </c>
      <c r="E820">
        <v>211</v>
      </c>
      <c r="F820" t="s">
        <v>180</v>
      </c>
      <c r="G820">
        <v>7</v>
      </c>
      <c r="H820">
        <v>0</v>
      </c>
      <c r="I820">
        <v>5</v>
      </c>
      <c r="J820">
        <v>0</v>
      </c>
      <c r="K820">
        <v>998522</v>
      </c>
      <c r="L820">
        <v>998523</v>
      </c>
      <c r="M820">
        <v>100</v>
      </c>
      <c r="N820" t="s">
        <v>1</v>
      </c>
      <c r="O820" s="1">
        <v>43919.065972222219</v>
      </c>
      <c r="P820" s="1">
        <v>43919.068749999999</v>
      </c>
    </row>
    <row r="821" spans="1:16" x14ac:dyDescent="0.4">
      <c r="A821">
        <v>4367</v>
      </c>
      <c r="B821">
        <v>229284</v>
      </c>
      <c r="C821" s="1">
        <v>43920</v>
      </c>
      <c r="D821">
        <v>186</v>
      </c>
      <c r="E821">
        <v>225</v>
      </c>
      <c r="F821" t="s">
        <v>34</v>
      </c>
      <c r="G821">
        <v>5</v>
      </c>
      <c r="H821">
        <v>350</v>
      </c>
      <c r="I821">
        <v>1</v>
      </c>
      <c r="J821">
        <v>0</v>
      </c>
      <c r="K821">
        <v>998946</v>
      </c>
      <c r="L821">
        <v>998947</v>
      </c>
      <c r="M821">
        <v>105</v>
      </c>
      <c r="O821" s="1">
        <v>43920.927777777775</v>
      </c>
      <c r="P821" s="1">
        <v>43920.948611111111</v>
      </c>
    </row>
    <row r="822" spans="1:16" x14ac:dyDescent="0.4">
      <c r="A822">
        <v>4368</v>
      </c>
      <c r="B822">
        <v>229717</v>
      </c>
      <c r="C822" s="1">
        <v>43974</v>
      </c>
      <c r="D822">
        <v>97</v>
      </c>
      <c r="E822">
        <v>21</v>
      </c>
      <c r="F822" t="s">
        <v>117</v>
      </c>
      <c r="G822">
        <v>2</v>
      </c>
      <c r="H822">
        <v>420</v>
      </c>
      <c r="I822">
        <v>1</v>
      </c>
      <c r="J822">
        <v>0</v>
      </c>
      <c r="K822">
        <v>1000586</v>
      </c>
      <c r="L822">
        <v>1000587</v>
      </c>
      <c r="M822">
        <v>108</v>
      </c>
      <c r="N822" t="s">
        <v>40</v>
      </c>
      <c r="O822" s="1">
        <v>43974.887499999997</v>
      </c>
      <c r="P822" s="1">
        <v>43974.909722222219</v>
      </c>
    </row>
    <row r="823" spans="1:16" x14ac:dyDescent="0.4">
      <c r="A823">
        <v>4369</v>
      </c>
      <c r="B823">
        <v>229952</v>
      </c>
      <c r="C823" s="1">
        <v>43981</v>
      </c>
      <c r="D823">
        <v>328</v>
      </c>
      <c r="E823">
        <v>1</v>
      </c>
      <c r="F823" t="s">
        <v>201</v>
      </c>
      <c r="G823">
        <v>8</v>
      </c>
      <c r="H823">
        <v>30</v>
      </c>
      <c r="I823">
        <v>5</v>
      </c>
      <c r="J823">
        <v>4</v>
      </c>
      <c r="K823">
        <v>1001351</v>
      </c>
      <c r="L823">
        <v>1001352</v>
      </c>
      <c r="M823">
        <v>108</v>
      </c>
      <c r="N823" t="s">
        <v>40</v>
      </c>
      <c r="O823" s="1">
        <v>43981.830555555556</v>
      </c>
      <c r="P823" s="1">
        <v>43981.836111111108</v>
      </c>
    </row>
    <row r="824" spans="1:16" x14ac:dyDescent="0.4">
      <c r="A824">
        <v>4370</v>
      </c>
      <c r="B824">
        <v>230123</v>
      </c>
      <c r="C824" s="1">
        <v>43985</v>
      </c>
      <c r="D824">
        <v>125</v>
      </c>
      <c r="E824">
        <v>126</v>
      </c>
      <c r="F824" t="s">
        <v>159</v>
      </c>
      <c r="G824">
        <v>16</v>
      </c>
      <c r="H824">
        <v>280</v>
      </c>
      <c r="I824">
        <v>1</v>
      </c>
      <c r="J824">
        <v>0</v>
      </c>
      <c r="K824">
        <v>1001989</v>
      </c>
      <c r="L824">
        <v>1001990</v>
      </c>
      <c r="M824">
        <v>97</v>
      </c>
      <c r="N824" t="s">
        <v>163</v>
      </c>
      <c r="O824" s="1">
        <v>43985.606944444444</v>
      </c>
      <c r="P824" s="1">
        <v>43985.683333333334</v>
      </c>
    </row>
    <row r="825" spans="1:16" x14ac:dyDescent="0.4">
      <c r="A825">
        <v>4371</v>
      </c>
      <c r="B825">
        <v>230295</v>
      </c>
      <c r="C825" s="1">
        <v>43988</v>
      </c>
      <c r="D825">
        <v>167</v>
      </c>
      <c r="E825">
        <v>305</v>
      </c>
      <c r="F825" t="s">
        <v>82</v>
      </c>
      <c r="G825">
        <v>7</v>
      </c>
      <c r="H825">
        <v>500</v>
      </c>
      <c r="I825">
        <v>1</v>
      </c>
      <c r="J825">
        <v>0</v>
      </c>
      <c r="K825">
        <v>1002560</v>
      </c>
      <c r="L825">
        <v>1002561</v>
      </c>
      <c r="M825">
        <v>95</v>
      </c>
      <c r="N825" t="s">
        <v>68</v>
      </c>
      <c r="O825" s="1">
        <v>43988.979166666664</v>
      </c>
      <c r="P825" s="1">
        <v>43988.988888888889</v>
      </c>
    </row>
    <row r="826" spans="1:16" x14ac:dyDescent="0.4">
      <c r="A826">
        <v>4372</v>
      </c>
      <c r="B826">
        <v>230666</v>
      </c>
      <c r="C826" s="1">
        <v>43996</v>
      </c>
      <c r="D826">
        <v>280</v>
      </c>
      <c r="E826">
        <v>1266</v>
      </c>
      <c r="F826" t="s">
        <v>162</v>
      </c>
      <c r="G826">
        <v>10</v>
      </c>
      <c r="H826">
        <v>540</v>
      </c>
      <c r="I826">
        <v>1</v>
      </c>
      <c r="J826">
        <v>0</v>
      </c>
      <c r="K826">
        <v>1003840</v>
      </c>
      <c r="L826">
        <v>1003841</v>
      </c>
      <c r="M826">
        <v>97</v>
      </c>
      <c r="N826" t="s">
        <v>163</v>
      </c>
      <c r="O826" s="1">
        <v>43996.488194444442</v>
      </c>
      <c r="P826" s="1">
        <v>43996.550694444442</v>
      </c>
    </row>
    <row r="827" spans="1:16" x14ac:dyDescent="0.4">
      <c r="A827">
        <v>4373</v>
      </c>
      <c r="B827">
        <v>230881</v>
      </c>
      <c r="C827" s="1">
        <v>44000</v>
      </c>
      <c r="D827">
        <v>59</v>
      </c>
      <c r="E827">
        <v>32</v>
      </c>
      <c r="F827" t="s">
        <v>152</v>
      </c>
      <c r="G827">
        <v>2</v>
      </c>
      <c r="H827">
        <v>320</v>
      </c>
      <c r="I827">
        <v>1</v>
      </c>
      <c r="J827">
        <v>0</v>
      </c>
      <c r="K827">
        <v>1004541</v>
      </c>
      <c r="L827">
        <v>1004542</v>
      </c>
      <c r="M827">
        <v>108</v>
      </c>
      <c r="N827" t="s">
        <v>40</v>
      </c>
      <c r="O827" s="1">
        <v>44000.947222222225</v>
      </c>
      <c r="P827" s="1">
        <v>44000.968055555553</v>
      </c>
    </row>
    <row r="828" spans="1:16" x14ac:dyDescent="0.4">
      <c r="A828">
        <v>4374</v>
      </c>
      <c r="B828">
        <v>231098</v>
      </c>
      <c r="C828" s="1">
        <v>44003</v>
      </c>
      <c r="D828">
        <v>167</v>
      </c>
      <c r="E828">
        <v>305</v>
      </c>
      <c r="F828" t="s">
        <v>82</v>
      </c>
      <c r="G828">
        <v>18</v>
      </c>
      <c r="H828">
        <v>500</v>
      </c>
      <c r="I828">
        <v>1</v>
      </c>
      <c r="J828">
        <v>0</v>
      </c>
      <c r="K828">
        <v>1005342</v>
      </c>
      <c r="L828">
        <v>1005343</v>
      </c>
      <c r="M828">
        <v>107</v>
      </c>
      <c r="N828" t="s">
        <v>172</v>
      </c>
      <c r="O828" s="1">
        <v>44003.844444444447</v>
      </c>
      <c r="P828" s="1">
        <v>44003.866666666669</v>
      </c>
    </row>
    <row r="829" spans="1:16" x14ac:dyDescent="0.4">
      <c r="A829">
        <v>4375</v>
      </c>
      <c r="B829">
        <v>231225</v>
      </c>
      <c r="C829" s="1">
        <v>44007</v>
      </c>
      <c r="D829">
        <v>249</v>
      </c>
      <c r="E829">
        <v>241</v>
      </c>
      <c r="F829" t="s">
        <v>140</v>
      </c>
      <c r="G829">
        <v>4</v>
      </c>
      <c r="H829">
        <v>420</v>
      </c>
      <c r="I829">
        <v>1</v>
      </c>
      <c r="J829">
        <v>0</v>
      </c>
      <c r="K829">
        <v>1005793</v>
      </c>
      <c r="L829">
        <v>1005794</v>
      </c>
      <c r="M829">
        <v>108</v>
      </c>
      <c r="N829" t="s">
        <v>40</v>
      </c>
      <c r="O829" s="1">
        <v>44007.839583333334</v>
      </c>
      <c r="P829" s="1">
        <v>44007.862500000003</v>
      </c>
    </row>
    <row r="830" spans="1:16" x14ac:dyDescent="0.4">
      <c r="A830">
        <v>4376</v>
      </c>
      <c r="B830">
        <v>231225</v>
      </c>
      <c r="C830" s="1">
        <v>44007</v>
      </c>
      <c r="D830">
        <v>248</v>
      </c>
      <c r="E830">
        <v>240</v>
      </c>
      <c r="F830" t="s">
        <v>104</v>
      </c>
      <c r="G830">
        <v>4</v>
      </c>
      <c r="H830">
        <v>420</v>
      </c>
      <c r="I830">
        <v>1</v>
      </c>
      <c r="J830">
        <v>0</v>
      </c>
      <c r="K830">
        <v>1005795</v>
      </c>
      <c r="L830">
        <v>1005796</v>
      </c>
      <c r="M830">
        <v>108</v>
      </c>
      <c r="N830" t="s">
        <v>40</v>
      </c>
      <c r="O830" s="1">
        <v>44007.844444444447</v>
      </c>
      <c r="P830" s="1">
        <v>44007.862500000003</v>
      </c>
    </row>
    <row r="831" spans="1:16" x14ac:dyDescent="0.4">
      <c r="A831">
        <v>4377</v>
      </c>
      <c r="B831">
        <v>231225</v>
      </c>
      <c r="C831" s="1">
        <v>44007</v>
      </c>
      <c r="D831">
        <v>57</v>
      </c>
      <c r="E831">
        <v>30</v>
      </c>
      <c r="F831" t="s">
        <v>60</v>
      </c>
      <c r="G831">
        <v>4</v>
      </c>
      <c r="H831">
        <v>320</v>
      </c>
      <c r="I831">
        <v>1</v>
      </c>
      <c r="J831">
        <v>0</v>
      </c>
      <c r="K831">
        <v>1005797</v>
      </c>
      <c r="L831">
        <v>1005798</v>
      </c>
      <c r="M831">
        <v>108</v>
      </c>
      <c r="N831" t="s">
        <v>40</v>
      </c>
      <c r="O831" s="1">
        <v>44007.861805555556</v>
      </c>
      <c r="P831" s="1">
        <v>44007.862500000003</v>
      </c>
    </row>
    <row r="832" spans="1:16" x14ac:dyDescent="0.4">
      <c r="A832">
        <v>4378</v>
      </c>
      <c r="B832">
        <v>231225</v>
      </c>
      <c r="C832" s="1">
        <v>44007</v>
      </c>
      <c r="D832">
        <v>315</v>
      </c>
      <c r="E832">
        <v>244</v>
      </c>
      <c r="F832" t="s">
        <v>141</v>
      </c>
      <c r="G832">
        <v>4</v>
      </c>
      <c r="H832">
        <v>480</v>
      </c>
      <c r="I832">
        <v>1</v>
      </c>
      <c r="J832">
        <v>0</v>
      </c>
      <c r="K832">
        <v>1005799</v>
      </c>
      <c r="L832">
        <v>1005800</v>
      </c>
      <c r="M832">
        <v>108</v>
      </c>
      <c r="N832" t="s">
        <v>40</v>
      </c>
      <c r="O832" s="1">
        <v>44007.861805555556</v>
      </c>
      <c r="P832" s="1">
        <v>44007.862500000003</v>
      </c>
    </row>
    <row r="833" spans="1:16" x14ac:dyDescent="0.4">
      <c r="A833">
        <v>4379</v>
      </c>
      <c r="B833">
        <v>231389</v>
      </c>
      <c r="C833" s="1">
        <v>44009</v>
      </c>
      <c r="D833">
        <v>90</v>
      </c>
      <c r="E833">
        <v>71</v>
      </c>
      <c r="F833" t="s">
        <v>91</v>
      </c>
      <c r="G833">
        <v>7</v>
      </c>
      <c r="H833">
        <v>400</v>
      </c>
      <c r="I833">
        <v>2</v>
      </c>
      <c r="J833">
        <v>0</v>
      </c>
      <c r="K833">
        <v>1006462</v>
      </c>
      <c r="L833">
        <v>1006463</v>
      </c>
      <c r="M833">
        <v>107</v>
      </c>
      <c r="N833" t="s">
        <v>172</v>
      </c>
      <c r="O833" s="1">
        <v>44009.975694444445</v>
      </c>
      <c r="P833" s="1">
        <v>44009.977777777778</v>
      </c>
    </row>
    <row r="834" spans="1:16" x14ac:dyDescent="0.4">
      <c r="A834">
        <v>4380</v>
      </c>
      <c r="B834">
        <v>231389</v>
      </c>
      <c r="C834" s="1">
        <v>44009</v>
      </c>
      <c r="D834">
        <v>89</v>
      </c>
      <c r="E834">
        <v>70</v>
      </c>
      <c r="F834" t="s">
        <v>10</v>
      </c>
      <c r="G834">
        <v>7</v>
      </c>
      <c r="H834">
        <v>400</v>
      </c>
      <c r="I834">
        <v>1</v>
      </c>
      <c r="J834">
        <v>0</v>
      </c>
      <c r="K834">
        <v>1006464</v>
      </c>
      <c r="L834">
        <v>1006465</v>
      </c>
      <c r="M834">
        <v>107</v>
      </c>
      <c r="N834" t="s">
        <v>172</v>
      </c>
      <c r="O834" s="1">
        <v>44009.975694444445</v>
      </c>
      <c r="P834" s="1">
        <v>44009.977777777778</v>
      </c>
    </row>
    <row r="835" spans="1:16" x14ac:dyDescent="0.4">
      <c r="A835">
        <v>3309</v>
      </c>
      <c r="B835">
        <v>150440</v>
      </c>
      <c r="C835" s="1">
        <v>42774</v>
      </c>
      <c r="D835">
        <v>158</v>
      </c>
      <c r="E835">
        <v>117</v>
      </c>
      <c r="F835" t="s">
        <v>20</v>
      </c>
      <c r="G835">
        <v>4</v>
      </c>
      <c r="H835">
        <v>500</v>
      </c>
      <c r="I835">
        <v>1</v>
      </c>
      <c r="J835">
        <v>0</v>
      </c>
      <c r="K835">
        <v>665456</v>
      </c>
      <c r="L835">
        <v>665457</v>
      </c>
      <c r="M835">
        <v>91</v>
      </c>
      <c r="N835" t="s">
        <v>24</v>
      </c>
      <c r="O835" s="1">
        <v>42775.208333333336</v>
      </c>
      <c r="P835" s="1">
        <v>42775.211111111108</v>
      </c>
    </row>
    <row r="836" spans="1:16" x14ac:dyDescent="0.4">
      <c r="A836">
        <v>3388</v>
      </c>
      <c r="B836">
        <v>154698</v>
      </c>
      <c r="C836" s="1">
        <v>42832</v>
      </c>
      <c r="D836">
        <v>145</v>
      </c>
      <c r="E836">
        <v>132</v>
      </c>
      <c r="F836" t="s">
        <v>74</v>
      </c>
      <c r="G836">
        <v>18</v>
      </c>
      <c r="H836">
        <v>300</v>
      </c>
      <c r="I836">
        <v>4</v>
      </c>
      <c r="J836">
        <v>2</v>
      </c>
      <c r="K836">
        <v>684376</v>
      </c>
      <c r="L836">
        <v>684377</v>
      </c>
      <c r="M836">
        <v>100</v>
      </c>
      <c r="N836" t="s">
        <v>1</v>
      </c>
      <c r="O836" s="1">
        <v>42832.939583333333</v>
      </c>
      <c r="P836" s="1">
        <v>42832.95416666667</v>
      </c>
    </row>
    <row r="837" spans="1:16" x14ac:dyDescent="0.4">
      <c r="A837">
        <v>3390</v>
      </c>
      <c r="B837">
        <v>154795</v>
      </c>
      <c r="C837" s="1">
        <v>42833</v>
      </c>
      <c r="D837">
        <v>127</v>
      </c>
      <c r="E837">
        <v>136</v>
      </c>
      <c r="F837" t="s">
        <v>32</v>
      </c>
      <c r="G837">
        <v>3</v>
      </c>
      <c r="H837">
        <v>600</v>
      </c>
      <c r="I837">
        <v>1</v>
      </c>
      <c r="J837">
        <v>0</v>
      </c>
      <c r="K837">
        <v>684792</v>
      </c>
      <c r="L837">
        <v>684793</v>
      </c>
      <c r="M837">
        <v>99</v>
      </c>
      <c r="N837" t="s">
        <v>43</v>
      </c>
      <c r="O837" s="1">
        <v>42833.913194444445</v>
      </c>
      <c r="P837" s="1">
        <v>42833.918055555558</v>
      </c>
    </row>
    <row r="838" spans="1:16" x14ac:dyDescent="0.4">
      <c r="A838">
        <v>3394</v>
      </c>
      <c r="B838">
        <v>154876</v>
      </c>
      <c r="C838" s="1">
        <v>42834</v>
      </c>
      <c r="D838">
        <v>187</v>
      </c>
      <c r="E838">
        <v>226</v>
      </c>
      <c r="F838" t="s">
        <v>114</v>
      </c>
      <c r="G838">
        <v>2</v>
      </c>
      <c r="H838">
        <v>280</v>
      </c>
      <c r="I838">
        <v>1</v>
      </c>
      <c r="J838">
        <v>0</v>
      </c>
      <c r="K838">
        <v>685191</v>
      </c>
      <c r="L838">
        <v>685192</v>
      </c>
      <c r="M838">
        <v>89</v>
      </c>
      <c r="N838" t="s">
        <v>44</v>
      </c>
      <c r="O838" s="1">
        <v>42834.895138888889</v>
      </c>
      <c r="P838" s="1">
        <v>42834.895138888889</v>
      </c>
    </row>
    <row r="839" spans="1:16" x14ac:dyDescent="0.4">
      <c r="A839">
        <v>3395</v>
      </c>
      <c r="B839">
        <v>154876</v>
      </c>
      <c r="C839" s="1">
        <v>42834</v>
      </c>
      <c r="D839">
        <v>113</v>
      </c>
      <c r="E839">
        <v>81</v>
      </c>
      <c r="F839" t="s">
        <v>171</v>
      </c>
      <c r="G839">
        <v>2</v>
      </c>
      <c r="H839">
        <v>400</v>
      </c>
      <c r="I839">
        <v>1</v>
      </c>
      <c r="J839">
        <v>0</v>
      </c>
      <c r="K839">
        <v>685193</v>
      </c>
      <c r="L839">
        <v>685194</v>
      </c>
      <c r="M839">
        <v>89</v>
      </c>
      <c r="N839" t="s">
        <v>44</v>
      </c>
      <c r="O839" s="1">
        <v>42834.863888888889</v>
      </c>
      <c r="P839" s="1">
        <v>42834.895138888889</v>
      </c>
    </row>
    <row r="840" spans="1:16" x14ac:dyDescent="0.4">
      <c r="A840">
        <v>3396</v>
      </c>
      <c r="B840">
        <v>154887</v>
      </c>
      <c r="C840" s="1">
        <v>42834</v>
      </c>
      <c r="D840">
        <v>65</v>
      </c>
      <c r="E840">
        <v>38</v>
      </c>
      <c r="F840" t="s">
        <v>80</v>
      </c>
      <c r="G840">
        <v>2</v>
      </c>
      <c r="H840">
        <v>320</v>
      </c>
      <c r="I840">
        <v>1</v>
      </c>
      <c r="J840">
        <v>0</v>
      </c>
      <c r="K840">
        <v>685273</v>
      </c>
      <c r="L840">
        <v>685274</v>
      </c>
      <c r="M840">
        <v>1</v>
      </c>
      <c r="N840" t="s">
        <v>45</v>
      </c>
      <c r="O840" s="1">
        <v>42834.96875</v>
      </c>
      <c r="P840" s="1">
        <v>42835.038888888892</v>
      </c>
    </row>
    <row r="841" spans="1:16" x14ac:dyDescent="0.4">
      <c r="A841">
        <v>3397</v>
      </c>
      <c r="B841">
        <v>154887</v>
      </c>
      <c r="C841" s="1">
        <v>42834</v>
      </c>
      <c r="D841">
        <v>75</v>
      </c>
      <c r="E841">
        <v>56</v>
      </c>
      <c r="F841" t="s">
        <v>49</v>
      </c>
      <c r="G841">
        <v>2</v>
      </c>
      <c r="H841">
        <v>400</v>
      </c>
      <c r="I841">
        <v>1</v>
      </c>
      <c r="J841">
        <v>0</v>
      </c>
      <c r="K841">
        <v>685275</v>
      </c>
      <c r="L841">
        <v>685276</v>
      </c>
      <c r="M841">
        <v>1</v>
      </c>
      <c r="N841" t="s">
        <v>45</v>
      </c>
      <c r="O841" s="1">
        <v>42834.96875</v>
      </c>
      <c r="P841" s="1">
        <v>42835.038888888892</v>
      </c>
    </row>
    <row r="842" spans="1:16" x14ac:dyDescent="0.4">
      <c r="A842">
        <v>3398</v>
      </c>
      <c r="B842">
        <v>154887</v>
      </c>
      <c r="C842" s="1">
        <v>42834</v>
      </c>
      <c r="D842">
        <v>89</v>
      </c>
      <c r="E842">
        <v>70</v>
      </c>
      <c r="F842" t="s">
        <v>10</v>
      </c>
      <c r="G842">
        <v>2</v>
      </c>
      <c r="H842">
        <v>400</v>
      </c>
      <c r="I842">
        <v>1</v>
      </c>
      <c r="J842">
        <v>0</v>
      </c>
      <c r="K842">
        <v>685277</v>
      </c>
      <c r="L842">
        <v>685278</v>
      </c>
      <c r="M842">
        <v>1</v>
      </c>
      <c r="N842" t="s">
        <v>45</v>
      </c>
      <c r="O842" s="1">
        <v>42834.96875</v>
      </c>
      <c r="P842" s="1">
        <v>42835.038888888892</v>
      </c>
    </row>
    <row r="843" spans="1:16" x14ac:dyDescent="0.4">
      <c r="A843">
        <v>3399</v>
      </c>
      <c r="B843">
        <v>154887</v>
      </c>
      <c r="C843" s="1">
        <v>42834</v>
      </c>
      <c r="D843">
        <v>85</v>
      </c>
      <c r="E843">
        <v>66</v>
      </c>
      <c r="F843" t="s">
        <v>88</v>
      </c>
      <c r="G843">
        <v>2</v>
      </c>
      <c r="H843">
        <v>400</v>
      </c>
      <c r="I843">
        <v>1</v>
      </c>
      <c r="J843">
        <v>0</v>
      </c>
      <c r="K843">
        <v>685279</v>
      </c>
      <c r="L843">
        <v>685280</v>
      </c>
      <c r="M843">
        <v>1</v>
      </c>
      <c r="N843" t="s">
        <v>45</v>
      </c>
      <c r="O843" s="1">
        <v>42834.96875</v>
      </c>
      <c r="P843" s="1">
        <v>42835.038888888892</v>
      </c>
    </row>
    <row r="844" spans="1:16" x14ac:dyDescent="0.4">
      <c r="A844">
        <v>3400</v>
      </c>
      <c r="B844">
        <v>154887</v>
      </c>
      <c r="C844" s="1">
        <v>42834</v>
      </c>
      <c r="D844">
        <v>248</v>
      </c>
      <c r="E844">
        <v>240</v>
      </c>
      <c r="F844" t="s">
        <v>104</v>
      </c>
      <c r="G844">
        <v>2</v>
      </c>
      <c r="H844">
        <v>420</v>
      </c>
      <c r="I844">
        <v>1</v>
      </c>
      <c r="J844">
        <v>0</v>
      </c>
      <c r="K844">
        <v>685281</v>
      </c>
      <c r="L844">
        <v>685282</v>
      </c>
      <c r="M844">
        <v>1</v>
      </c>
      <c r="N844" t="s">
        <v>45</v>
      </c>
      <c r="O844" s="1">
        <v>42834.980555555558</v>
      </c>
      <c r="P844" s="1">
        <v>42835.038888888892</v>
      </c>
    </row>
    <row r="845" spans="1:16" x14ac:dyDescent="0.4">
      <c r="A845">
        <v>3401</v>
      </c>
      <c r="B845">
        <v>154887</v>
      </c>
      <c r="C845" s="1">
        <v>42834</v>
      </c>
      <c r="D845">
        <v>194</v>
      </c>
      <c r="E845">
        <v>224</v>
      </c>
      <c r="F845" t="s">
        <v>139</v>
      </c>
      <c r="G845">
        <v>2</v>
      </c>
      <c r="H845">
        <v>480</v>
      </c>
      <c r="I845">
        <v>1</v>
      </c>
      <c r="J845">
        <v>0</v>
      </c>
      <c r="K845">
        <v>685283</v>
      </c>
      <c r="L845">
        <v>685284</v>
      </c>
      <c r="M845">
        <v>1</v>
      </c>
      <c r="N845" t="s">
        <v>45</v>
      </c>
      <c r="O845" s="1">
        <v>42834.986111111109</v>
      </c>
      <c r="P845" s="1">
        <v>42835.038888888892</v>
      </c>
    </row>
    <row r="846" spans="1:16" x14ac:dyDescent="0.4">
      <c r="A846">
        <v>3402</v>
      </c>
      <c r="B846">
        <v>154887</v>
      </c>
      <c r="C846" s="1">
        <v>42834</v>
      </c>
      <c r="D846">
        <v>263</v>
      </c>
      <c r="E846">
        <v>430</v>
      </c>
      <c r="F846" t="s">
        <v>133</v>
      </c>
      <c r="G846">
        <v>2</v>
      </c>
      <c r="H846">
        <v>320</v>
      </c>
      <c r="I846">
        <v>1</v>
      </c>
      <c r="J846">
        <v>0</v>
      </c>
      <c r="K846">
        <v>685285</v>
      </c>
      <c r="L846">
        <v>685286</v>
      </c>
      <c r="M846">
        <v>1</v>
      </c>
      <c r="N846" t="s">
        <v>45</v>
      </c>
      <c r="O846" s="1">
        <v>42834.996527777781</v>
      </c>
      <c r="P846" s="1">
        <v>42835.038888888892</v>
      </c>
    </row>
    <row r="847" spans="1:16" x14ac:dyDescent="0.4">
      <c r="A847">
        <v>3403</v>
      </c>
      <c r="B847">
        <v>154887</v>
      </c>
      <c r="C847" s="1">
        <v>42834</v>
      </c>
      <c r="D847">
        <v>69</v>
      </c>
      <c r="E847">
        <v>50</v>
      </c>
      <c r="F847" t="s">
        <v>18</v>
      </c>
      <c r="G847">
        <v>2</v>
      </c>
      <c r="H847">
        <v>480</v>
      </c>
      <c r="I847">
        <v>1</v>
      </c>
      <c r="J847">
        <v>0</v>
      </c>
      <c r="K847">
        <v>685287</v>
      </c>
      <c r="L847">
        <v>685288</v>
      </c>
      <c r="M847">
        <v>1</v>
      </c>
      <c r="N847" t="s">
        <v>45</v>
      </c>
      <c r="O847" s="1">
        <v>42835.006944444445</v>
      </c>
      <c r="P847" s="1">
        <v>42835.038888888892</v>
      </c>
    </row>
    <row r="848" spans="1:16" x14ac:dyDescent="0.4">
      <c r="A848">
        <v>3404</v>
      </c>
      <c r="B848">
        <v>154887</v>
      </c>
      <c r="C848" s="1">
        <v>42834</v>
      </c>
      <c r="D848">
        <v>248</v>
      </c>
      <c r="E848">
        <v>240</v>
      </c>
      <c r="F848" t="s">
        <v>104</v>
      </c>
      <c r="G848">
        <v>2</v>
      </c>
      <c r="H848">
        <v>420</v>
      </c>
      <c r="I848">
        <v>1</v>
      </c>
      <c r="J848">
        <v>0</v>
      </c>
      <c r="K848">
        <v>685289</v>
      </c>
      <c r="L848">
        <v>685290</v>
      </c>
      <c r="M848">
        <v>1</v>
      </c>
      <c r="N848" t="s">
        <v>45</v>
      </c>
      <c r="O848" s="1">
        <v>42835.006944444445</v>
      </c>
      <c r="P848" s="1">
        <v>42835.038888888892</v>
      </c>
    </row>
    <row r="849" spans="1:16" x14ac:dyDescent="0.4">
      <c r="A849">
        <v>3405</v>
      </c>
      <c r="B849">
        <v>154887</v>
      </c>
      <c r="C849" s="1">
        <v>42834</v>
      </c>
      <c r="D849">
        <v>89</v>
      </c>
      <c r="E849">
        <v>70</v>
      </c>
      <c r="F849" t="s">
        <v>10</v>
      </c>
      <c r="G849">
        <v>2</v>
      </c>
      <c r="H849">
        <v>400</v>
      </c>
      <c r="I849">
        <v>1</v>
      </c>
      <c r="J849">
        <v>0</v>
      </c>
      <c r="K849">
        <v>685291</v>
      </c>
      <c r="L849">
        <v>685292</v>
      </c>
      <c r="M849">
        <v>1</v>
      </c>
      <c r="N849" t="s">
        <v>45</v>
      </c>
      <c r="O849" s="1">
        <v>42835.013888888891</v>
      </c>
      <c r="P849" s="1">
        <v>42835.038888888892</v>
      </c>
    </row>
    <row r="850" spans="1:16" x14ac:dyDescent="0.4">
      <c r="A850">
        <v>3406</v>
      </c>
      <c r="B850">
        <v>154887</v>
      </c>
      <c r="C850" s="1">
        <v>42834</v>
      </c>
      <c r="D850">
        <v>88</v>
      </c>
      <c r="E850">
        <v>69</v>
      </c>
      <c r="F850" t="s">
        <v>55</v>
      </c>
      <c r="G850">
        <v>2</v>
      </c>
      <c r="H850">
        <v>400</v>
      </c>
      <c r="I850">
        <v>1</v>
      </c>
      <c r="J850">
        <v>0</v>
      </c>
      <c r="K850">
        <v>685293</v>
      </c>
      <c r="L850">
        <v>685294</v>
      </c>
      <c r="M850">
        <v>1</v>
      </c>
      <c r="N850" t="s">
        <v>45</v>
      </c>
      <c r="O850" s="1">
        <v>42835.013888888891</v>
      </c>
      <c r="P850" s="1">
        <v>42835.038888888892</v>
      </c>
    </row>
    <row r="851" spans="1:16" x14ac:dyDescent="0.4">
      <c r="A851">
        <v>3407</v>
      </c>
      <c r="B851">
        <v>154887</v>
      </c>
      <c r="C851" s="1">
        <v>42834</v>
      </c>
      <c r="D851">
        <v>249</v>
      </c>
      <c r="E851">
        <v>241</v>
      </c>
      <c r="F851" t="s">
        <v>140</v>
      </c>
      <c r="G851">
        <v>2</v>
      </c>
      <c r="H851">
        <v>420</v>
      </c>
      <c r="I851">
        <v>1</v>
      </c>
      <c r="J851">
        <v>0</v>
      </c>
      <c r="K851">
        <v>685295</v>
      </c>
      <c r="L851">
        <v>685296</v>
      </c>
      <c r="M851">
        <v>1</v>
      </c>
      <c r="N851" t="s">
        <v>45</v>
      </c>
      <c r="O851" s="1">
        <v>42835.013888888891</v>
      </c>
      <c r="P851" s="1">
        <v>42835.038888888892</v>
      </c>
    </row>
    <row r="852" spans="1:16" x14ac:dyDescent="0.4">
      <c r="A852">
        <v>3409</v>
      </c>
      <c r="B852">
        <v>154953</v>
      </c>
      <c r="C852" s="1">
        <v>42835</v>
      </c>
      <c r="D852">
        <v>86</v>
      </c>
      <c r="E852">
        <v>67</v>
      </c>
      <c r="F852" t="s">
        <v>93</v>
      </c>
      <c r="G852">
        <v>3</v>
      </c>
      <c r="H852">
        <v>400</v>
      </c>
      <c r="I852">
        <v>1</v>
      </c>
      <c r="J852">
        <v>0</v>
      </c>
      <c r="K852">
        <v>685568</v>
      </c>
      <c r="L852">
        <v>685569</v>
      </c>
      <c r="M852">
        <v>1</v>
      </c>
      <c r="N852" t="s">
        <v>45</v>
      </c>
      <c r="O852" s="1">
        <v>42836.102083333331</v>
      </c>
      <c r="P852" s="1">
        <v>42836.102083333331</v>
      </c>
    </row>
    <row r="853" spans="1:16" x14ac:dyDescent="0.4">
      <c r="A853">
        <v>3410</v>
      </c>
      <c r="B853">
        <v>154953</v>
      </c>
      <c r="C853" s="1">
        <v>42835</v>
      </c>
      <c r="D853">
        <v>76</v>
      </c>
      <c r="E853">
        <v>51</v>
      </c>
      <c r="F853" t="s">
        <v>33</v>
      </c>
      <c r="G853">
        <v>3</v>
      </c>
      <c r="H853">
        <v>400</v>
      </c>
      <c r="I853">
        <v>1</v>
      </c>
      <c r="J853">
        <v>0</v>
      </c>
      <c r="K853">
        <v>685570</v>
      </c>
      <c r="L853">
        <v>685571</v>
      </c>
      <c r="M853">
        <v>1</v>
      </c>
      <c r="N853" t="s">
        <v>45</v>
      </c>
      <c r="O853" s="1">
        <v>42836.102083333331</v>
      </c>
      <c r="P853" s="1">
        <v>42836.102083333331</v>
      </c>
    </row>
    <row r="854" spans="1:16" x14ac:dyDescent="0.4">
      <c r="A854">
        <v>3420</v>
      </c>
      <c r="B854">
        <v>155511</v>
      </c>
      <c r="C854" s="1">
        <v>42845</v>
      </c>
      <c r="D854">
        <v>158</v>
      </c>
      <c r="E854">
        <v>117</v>
      </c>
      <c r="F854" t="s">
        <v>20</v>
      </c>
      <c r="G854">
        <v>6</v>
      </c>
      <c r="H854">
        <v>500</v>
      </c>
      <c r="I854">
        <v>1</v>
      </c>
      <c r="J854">
        <v>0</v>
      </c>
      <c r="K854">
        <v>688070</v>
      </c>
      <c r="L854">
        <v>688071</v>
      </c>
      <c r="M854">
        <v>106</v>
      </c>
      <c r="O854" s="1">
        <v>42846.167361111111</v>
      </c>
      <c r="P854" s="1">
        <v>42846.18472222222</v>
      </c>
    </row>
    <row r="855" spans="1:16" x14ac:dyDescent="0.4">
      <c r="A855">
        <v>3428</v>
      </c>
      <c r="B855">
        <v>156359</v>
      </c>
      <c r="C855" s="1">
        <v>42857</v>
      </c>
      <c r="D855">
        <v>9</v>
      </c>
      <c r="E855">
        <v>101</v>
      </c>
      <c r="F855" t="s">
        <v>54</v>
      </c>
      <c r="G855">
        <v>18</v>
      </c>
      <c r="H855">
        <v>420</v>
      </c>
      <c r="I855">
        <v>2</v>
      </c>
      <c r="J855">
        <v>0</v>
      </c>
      <c r="K855">
        <v>692074</v>
      </c>
      <c r="L855">
        <v>692075</v>
      </c>
      <c r="M855">
        <v>100</v>
      </c>
      <c r="N855" t="s">
        <v>1</v>
      </c>
      <c r="O855" s="1">
        <v>42857.752083333333</v>
      </c>
      <c r="P855" s="1">
        <v>42857.75277777778</v>
      </c>
    </row>
    <row r="856" spans="1:16" x14ac:dyDescent="0.4">
      <c r="A856">
        <v>3429</v>
      </c>
      <c r="B856">
        <v>156359</v>
      </c>
      <c r="C856" s="1">
        <v>42857</v>
      </c>
      <c r="D856">
        <v>280</v>
      </c>
      <c r="E856">
        <v>1266</v>
      </c>
      <c r="F856" t="s">
        <v>13</v>
      </c>
      <c r="G856">
        <v>18</v>
      </c>
      <c r="H856">
        <v>680</v>
      </c>
      <c r="I856">
        <v>1</v>
      </c>
      <c r="J856">
        <v>0</v>
      </c>
      <c r="K856">
        <v>692077</v>
      </c>
      <c r="L856">
        <v>692078</v>
      </c>
      <c r="M856">
        <v>100</v>
      </c>
      <c r="N856" t="s">
        <v>1</v>
      </c>
      <c r="O856" s="1">
        <v>42857.75277777778</v>
      </c>
      <c r="P856" s="1">
        <v>42857.753472222219</v>
      </c>
    </row>
    <row r="857" spans="1:16" x14ac:dyDescent="0.4">
      <c r="A857">
        <v>3430</v>
      </c>
      <c r="B857">
        <v>156359</v>
      </c>
      <c r="C857" s="1">
        <v>42857</v>
      </c>
      <c r="D857">
        <v>9</v>
      </c>
      <c r="E857">
        <v>101</v>
      </c>
      <c r="F857" t="s">
        <v>54</v>
      </c>
      <c r="G857">
        <v>18</v>
      </c>
      <c r="H857">
        <v>420</v>
      </c>
      <c r="I857">
        <v>2</v>
      </c>
      <c r="J857">
        <v>0</v>
      </c>
      <c r="K857">
        <v>692079</v>
      </c>
      <c r="L857">
        <v>692080</v>
      </c>
      <c r="M857">
        <v>100</v>
      </c>
      <c r="N857" t="s">
        <v>1</v>
      </c>
      <c r="O857" s="1">
        <v>42857.75277777778</v>
      </c>
      <c r="P857" s="1">
        <v>42857.753472222219</v>
      </c>
    </row>
    <row r="858" spans="1:16" x14ac:dyDescent="0.4">
      <c r="A858">
        <v>3432</v>
      </c>
      <c r="B858">
        <v>156365</v>
      </c>
      <c r="C858" s="1">
        <v>42857</v>
      </c>
      <c r="D858">
        <v>79</v>
      </c>
      <c r="E858">
        <v>60</v>
      </c>
      <c r="F858" t="s">
        <v>157</v>
      </c>
      <c r="G858">
        <v>16</v>
      </c>
      <c r="H858">
        <v>400</v>
      </c>
      <c r="I858">
        <v>1</v>
      </c>
      <c r="J858">
        <v>0</v>
      </c>
      <c r="K858">
        <v>692132</v>
      </c>
      <c r="L858">
        <v>692133</v>
      </c>
      <c r="M858">
        <v>89</v>
      </c>
      <c r="N858" t="s">
        <v>44</v>
      </c>
      <c r="O858" s="1">
        <v>42857.84652777778</v>
      </c>
      <c r="P858" s="1">
        <v>42857.848611111112</v>
      </c>
    </row>
    <row r="859" spans="1:16" x14ac:dyDescent="0.4">
      <c r="A859">
        <v>3433</v>
      </c>
      <c r="B859">
        <v>156365</v>
      </c>
      <c r="C859" s="1">
        <v>42857</v>
      </c>
      <c r="D859">
        <v>75</v>
      </c>
      <c r="E859">
        <v>56</v>
      </c>
      <c r="F859" t="s">
        <v>49</v>
      </c>
      <c r="G859">
        <v>16</v>
      </c>
      <c r="H859">
        <v>400</v>
      </c>
      <c r="I859">
        <v>1</v>
      </c>
      <c r="J859">
        <v>0</v>
      </c>
      <c r="K859">
        <v>692134</v>
      </c>
      <c r="L859">
        <v>692135</v>
      </c>
      <c r="M859">
        <v>89</v>
      </c>
      <c r="N859" t="s">
        <v>44</v>
      </c>
      <c r="O859" s="1">
        <v>42857.84652777778</v>
      </c>
      <c r="P859" s="1">
        <v>42857.848611111112</v>
      </c>
    </row>
    <row r="860" spans="1:16" x14ac:dyDescent="0.4">
      <c r="A860">
        <v>3434</v>
      </c>
      <c r="B860">
        <v>156365</v>
      </c>
      <c r="C860" s="1">
        <v>42857</v>
      </c>
      <c r="D860">
        <v>84</v>
      </c>
      <c r="E860">
        <v>65</v>
      </c>
      <c r="F860" t="s">
        <v>71</v>
      </c>
      <c r="G860">
        <v>16</v>
      </c>
      <c r="H860">
        <v>400</v>
      </c>
      <c r="I860">
        <v>1</v>
      </c>
      <c r="J860">
        <v>0</v>
      </c>
      <c r="K860">
        <v>692136</v>
      </c>
      <c r="L860">
        <v>692137</v>
      </c>
      <c r="M860">
        <v>89</v>
      </c>
      <c r="N860" t="s">
        <v>44</v>
      </c>
      <c r="O860" s="1">
        <v>42857.84652777778</v>
      </c>
      <c r="P860" s="1">
        <v>42857.848611111112</v>
      </c>
    </row>
    <row r="861" spans="1:16" x14ac:dyDescent="0.4">
      <c r="A861">
        <v>3435</v>
      </c>
      <c r="B861">
        <v>156365</v>
      </c>
      <c r="C861" s="1">
        <v>42857</v>
      </c>
      <c r="D861">
        <v>69</v>
      </c>
      <c r="E861">
        <v>50</v>
      </c>
      <c r="F861" t="s">
        <v>18</v>
      </c>
      <c r="G861">
        <v>16</v>
      </c>
      <c r="H861">
        <v>480</v>
      </c>
      <c r="I861">
        <v>1</v>
      </c>
      <c r="J861">
        <v>0</v>
      </c>
      <c r="K861">
        <v>692138</v>
      </c>
      <c r="L861">
        <v>692139</v>
      </c>
      <c r="M861">
        <v>89</v>
      </c>
      <c r="N861" t="s">
        <v>44</v>
      </c>
      <c r="O861" s="1">
        <v>42857.84652777778</v>
      </c>
      <c r="P861" s="1">
        <v>42857.848611111112</v>
      </c>
    </row>
    <row r="862" spans="1:16" x14ac:dyDescent="0.4">
      <c r="A862">
        <v>3942</v>
      </c>
      <c r="B862">
        <v>195146</v>
      </c>
      <c r="C862" s="1">
        <v>43421</v>
      </c>
      <c r="D862">
        <v>219</v>
      </c>
      <c r="E862">
        <v>292</v>
      </c>
      <c r="F862" t="s">
        <v>138</v>
      </c>
      <c r="G862">
        <v>5</v>
      </c>
      <c r="H862">
        <v>380</v>
      </c>
      <c r="I862">
        <v>1</v>
      </c>
      <c r="J862">
        <v>0</v>
      </c>
      <c r="K862">
        <v>861396</v>
      </c>
      <c r="L862">
        <v>861397</v>
      </c>
      <c r="M862">
        <v>108</v>
      </c>
      <c r="N862" t="s">
        <v>40</v>
      </c>
      <c r="O862" s="1">
        <v>43421.844444444447</v>
      </c>
      <c r="P862" s="1">
        <v>43421.862500000003</v>
      </c>
    </row>
    <row r="863" spans="1:16" x14ac:dyDescent="0.4">
      <c r="A863">
        <v>3943</v>
      </c>
      <c r="B863">
        <v>195138</v>
      </c>
      <c r="C863" s="1">
        <v>43421</v>
      </c>
      <c r="D863">
        <v>157</v>
      </c>
      <c r="E863">
        <v>113</v>
      </c>
      <c r="F863" t="s">
        <v>59</v>
      </c>
      <c r="G863">
        <v>7</v>
      </c>
      <c r="H863">
        <v>550</v>
      </c>
      <c r="I863">
        <v>1</v>
      </c>
      <c r="J863">
        <v>0</v>
      </c>
      <c r="K863">
        <v>861401</v>
      </c>
      <c r="L863">
        <v>861402</v>
      </c>
      <c r="M863">
        <v>108</v>
      </c>
      <c r="N863" t="s">
        <v>40</v>
      </c>
      <c r="O863" s="1">
        <v>43421.844444444447</v>
      </c>
      <c r="P863" s="1">
        <v>43421.867361111108</v>
      </c>
    </row>
    <row r="864" spans="1:16" x14ac:dyDescent="0.4">
      <c r="A864">
        <v>4381</v>
      </c>
      <c r="B864">
        <v>232135</v>
      </c>
      <c r="C864" s="1">
        <v>44023</v>
      </c>
      <c r="D864">
        <v>188</v>
      </c>
      <c r="E864">
        <v>227</v>
      </c>
      <c r="F864" t="s">
        <v>113</v>
      </c>
      <c r="G864">
        <v>10</v>
      </c>
      <c r="H864">
        <v>350</v>
      </c>
      <c r="I864">
        <v>1</v>
      </c>
      <c r="J864">
        <v>0</v>
      </c>
      <c r="K864">
        <v>1009182</v>
      </c>
      <c r="L864">
        <v>1009183</v>
      </c>
      <c r="M864">
        <v>107</v>
      </c>
      <c r="N864" t="s">
        <v>172</v>
      </c>
      <c r="O864" s="1">
        <v>44023.993750000001</v>
      </c>
      <c r="P864" s="1">
        <v>44024.000694444447</v>
      </c>
    </row>
    <row r="865" spans="1:16" x14ac:dyDescent="0.4">
      <c r="A865">
        <v>4382</v>
      </c>
      <c r="B865">
        <v>232135</v>
      </c>
      <c r="C865" s="1">
        <v>44023</v>
      </c>
      <c r="D865">
        <v>92</v>
      </c>
      <c r="E865">
        <v>73</v>
      </c>
      <c r="F865" t="s">
        <v>120</v>
      </c>
      <c r="G865">
        <v>10</v>
      </c>
      <c r="H865">
        <v>480</v>
      </c>
      <c r="I865">
        <v>1</v>
      </c>
      <c r="J865">
        <v>0</v>
      </c>
      <c r="K865">
        <v>1009184</v>
      </c>
      <c r="L865">
        <v>1009185</v>
      </c>
      <c r="M865">
        <v>107</v>
      </c>
      <c r="N865" t="s">
        <v>172</v>
      </c>
      <c r="O865" s="1">
        <v>44023.993750000001</v>
      </c>
      <c r="P865" s="1">
        <v>44024.000694444447</v>
      </c>
    </row>
    <row r="866" spans="1:16" x14ac:dyDescent="0.4">
      <c r="A866">
        <v>4383</v>
      </c>
      <c r="B866">
        <v>232621</v>
      </c>
      <c r="C866" s="1">
        <v>44032</v>
      </c>
      <c r="D866">
        <v>97</v>
      </c>
      <c r="E866">
        <v>21</v>
      </c>
      <c r="F866" t="s">
        <v>117</v>
      </c>
      <c r="G866">
        <v>5</v>
      </c>
      <c r="H866">
        <v>420</v>
      </c>
      <c r="I866">
        <v>1</v>
      </c>
      <c r="J866">
        <v>0</v>
      </c>
      <c r="K866">
        <v>1010992</v>
      </c>
      <c r="L866">
        <v>1010993</v>
      </c>
      <c r="M866">
        <v>92</v>
      </c>
      <c r="N866" t="s">
        <v>202</v>
      </c>
      <c r="O866" s="1">
        <v>44032.92291666667</v>
      </c>
      <c r="P866" s="1">
        <v>44032.95208333333</v>
      </c>
    </row>
    <row r="867" spans="1:16" x14ac:dyDescent="0.4">
      <c r="A867">
        <v>4384</v>
      </c>
      <c r="B867">
        <v>232621</v>
      </c>
      <c r="C867" s="1">
        <v>44032</v>
      </c>
      <c r="D867">
        <v>97</v>
      </c>
      <c r="E867">
        <v>21</v>
      </c>
      <c r="F867" t="s">
        <v>117</v>
      </c>
      <c r="G867">
        <v>5</v>
      </c>
      <c r="H867">
        <v>420</v>
      </c>
      <c r="I867">
        <v>1</v>
      </c>
      <c r="J867">
        <v>0</v>
      </c>
      <c r="K867">
        <v>1010994</v>
      </c>
      <c r="L867">
        <v>1010995</v>
      </c>
      <c r="M867">
        <v>92</v>
      </c>
      <c r="N867" t="s">
        <v>202</v>
      </c>
      <c r="O867" s="1">
        <v>44032.935416666667</v>
      </c>
      <c r="P867" s="1">
        <v>44032.95208333333</v>
      </c>
    </row>
    <row r="868" spans="1:16" x14ac:dyDescent="0.4">
      <c r="A868">
        <v>4385</v>
      </c>
      <c r="B868">
        <v>232621</v>
      </c>
      <c r="C868" s="1">
        <v>44032</v>
      </c>
      <c r="D868">
        <v>97</v>
      </c>
      <c r="E868">
        <v>21</v>
      </c>
      <c r="F868" t="s">
        <v>117</v>
      </c>
      <c r="G868">
        <v>5</v>
      </c>
      <c r="H868">
        <v>420</v>
      </c>
      <c r="I868">
        <v>1</v>
      </c>
      <c r="J868">
        <v>0</v>
      </c>
      <c r="K868">
        <v>1010996</v>
      </c>
      <c r="L868">
        <v>1010997</v>
      </c>
      <c r="M868">
        <v>92</v>
      </c>
      <c r="N868" t="s">
        <v>202</v>
      </c>
      <c r="O868" s="1">
        <v>44032.95208333333</v>
      </c>
      <c r="P868" s="1">
        <v>44032.95208333333</v>
      </c>
    </row>
    <row r="869" spans="1:16" x14ac:dyDescent="0.4">
      <c r="A869">
        <v>4386</v>
      </c>
      <c r="B869">
        <v>232731</v>
      </c>
      <c r="C869" s="1">
        <v>44035</v>
      </c>
      <c r="D869">
        <v>125</v>
      </c>
      <c r="E869">
        <v>126</v>
      </c>
      <c r="F869" t="s">
        <v>159</v>
      </c>
      <c r="G869">
        <v>6</v>
      </c>
      <c r="H869">
        <v>280</v>
      </c>
      <c r="I869">
        <v>1</v>
      </c>
      <c r="J869">
        <v>0</v>
      </c>
      <c r="K869">
        <v>1011376</v>
      </c>
      <c r="L869">
        <v>1011377</v>
      </c>
      <c r="M869">
        <v>98</v>
      </c>
      <c r="N869" t="s">
        <v>155</v>
      </c>
      <c r="O869" s="1">
        <v>44035.529166666667</v>
      </c>
      <c r="P869" s="1">
        <v>44035.611111111109</v>
      </c>
    </row>
    <row r="870" spans="1:16" x14ac:dyDescent="0.4">
      <c r="A870">
        <v>4387</v>
      </c>
      <c r="B870">
        <v>232900</v>
      </c>
      <c r="C870" s="1">
        <v>44037</v>
      </c>
      <c r="D870">
        <v>125</v>
      </c>
      <c r="E870">
        <v>126</v>
      </c>
      <c r="F870" t="s">
        <v>159</v>
      </c>
      <c r="G870">
        <v>3</v>
      </c>
      <c r="H870">
        <v>280</v>
      </c>
      <c r="I870">
        <v>1</v>
      </c>
      <c r="J870">
        <v>0</v>
      </c>
      <c r="K870">
        <v>1011963</v>
      </c>
      <c r="L870">
        <v>1011964</v>
      </c>
      <c r="M870">
        <v>108</v>
      </c>
      <c r="N870" t="s">
        <v>40</v>
      </c>
      <c r="O870" s="1">
        <v>44037.915277777778</v>
      </c>
      <c r="P870" s="1">
        <v>44037.915277777778</v>
      </c>
    </row>
    <row r="871" spans="1:16" x14ac:dyDescent="0.4">
      <c r="A871">
        <v>4388</v>
      </c>
      <c r="B871">
        <v>232998</v>
      </c>
      <c r="C871" s="1">
        <v>44039</v>
      </c>
      <c r="D871">
        <v>146</v>
      </c>
      <c r="E871">
        <v>131</v>
      </c>
      <c r="F871" t="s">
        <v>41</v>
      </c>
      <c r="G871">
        <v>1</v>
      </c>
      <c r="H871">
        <v>450</v>
      </c>
      <c r="I871">
        <v>1</v>
      </c>
      <c r="J871">
        <v>0</v>
      </c>
      <c r="K871">
        <v>1012329</v>
      </c>
      <c r="L871">
        <v>1012330</v>
      </c>
      <c r="M871">
        <v>70</v>
      </c>
      <c r="N871" t="s">
        <v>203</v>
      </c>
      <c r="O871" s="1">
        <v>44040.152777777781</v>
      </c>
      <c r="P871" s="1">
        <v>44040.160416666666</v>
      </c>
    </row>
    <row r="872" spans="1:16" x14ac:dyDescent="0.4">
      <c r="A872">
        <v>4389</v>
      </c>
      <c r="B872">
        <v>232998</v>
      </c>
      <c r="C872" s="1">
        <v>44039</v>
      </c>
      <c r="D872">
        <v>297</v>
      </c>
      <c r="E872">
        <v>546</v>
      </c>
      <c r="F872" t="s">
        <v>204</v>
      </c>
      <c r="G872">
        <v>1</v>
      </c>
      <c r="H872">
        <v>420</v>
      </c>
      <c r="I872">
        <v>1</v>
      </c>
      <c r="J872">
        <v>0</v>
      </c>
      <c r="K872">
        <v>1012331</v>
      </c>
      <c r="L872">
        <v>1012332</v>
      </c>
      <c r="M872">
        <v>70</v>
      </c>
      <c r="N872" t="s">
        <v>203</v>
      </c>
      <c r="O872" s="1">
        <v>44040.152777777781</v>
      </c>
      <c r="P872" s="1">
        <v>44040.171527777777</v>
      </c>
    </row>
    <row r="873" spans="1:16" x14ac:dyDescent="0.4">
      <c r="A873">
        <v>4390</v>
      </c>
      <c r="B873">
        <v>233051</v>
      </c>
      <c r="C873" s="1">
        <v>44041</v>
      </c>
      <c r="D873">
        <v>99</v>
      </c>
      <c r="E873">
        <v>23</v>
      </c>
      <c r="F873" t="s">
        <v>103</v>
      </c>
      <c r="G873">
        <v>3</v>
      </c>
      <c r="H873">
        <v>480</v>
      </c>
      <c r="I873">
        <v>1</v>
      </c>
      <c r="J873">
        <v>0</v>
      </c>
      <c r="K873">
        <v>1012506</v>
      </c>
      <c r="L873">
        <v>1012507</v>
      </c>
      <c r="M873">
        <v>107</v>
      </c>
      <c r="N873" t="s">
        <v>172</v>
      </c>
      <c r="O873" s="1">
        <v>44041.790972222225</v>
      </c>
      <c r="P873" s="1">
        <v>44041.791666666664</v>
      </c>
    </row>
    <row r="874" spans="1:16" x14ac:dyDescent="0.4">
      <c r="A874">
        <v>4391</v>
      </c>
      <c r="B874">
        <v>233110</v>
      </c>
      <c r="C874" s="1">
        <v>44043</v>
      </c>
      <c r="D874">
        <v>171</v>
      </c>
      <c r="E874">
        <v>321</v>
      </c>
      <c r="F874" t="s">
        <v>205</v>
      </c>
      <c r="G874">
        <v>1</v>
      </c>
      <c r="H874">
        <v>500</v>
      </c>
      <c r="I874">
        <v>1</v>
      </c>
      <c r="J874">
        <v>0</v>
      </c>
      <c r="K874">
        <v>1012715</v>
      </c>
      <c r="L874">
        <v>1012716</v>
      </c>
      <c r="M874">
        <v>107</v>
      </c>
      <c r="N874" t="s">
        <v>172</v>
      </c>
      <c r="O874" s="1">
        <v>44044.193055555559</v>
      </c>
      <c r="P874" s="1">
        <v>44044.227777777778</v>
      </c>
    </row>
    <row r="875" spans="1:16" x14ac:dyDescent="0.4">
      <c r="A875">
        <v>4392</v>
      </c>
      <c r="B875">
        <v>233343</v>
      </c>
      <c r="C875" s="1">
        <v>44049</v>
      </c>
      <c r="D875">
        <v>290</v>
      </c>
      <c r="E875">
        <v>1260</v>
      </c>
      <c r="F875" t="s">
        <v>167</v>
      </c>
      <c r="G875">
        <v>16</v>
      </c>
      <c r="H875">
        <v>400</v>
      </c>
      <c r="I875">
        <v>1</v>
      </c>
      <c r="J875">
        <v>0</v>
      </c>
      <c r="K875">
        <v>1013499</v>
      </c>
      <c r="L875">
        <v>1013500</v>
      </c>
      <c r="M875">
        <v>98</v>
      </c>
      <c r="N875" t="s">
        <v>155</v>
      </c>
      <c r="O875" s="1">
        <v>44049.779861111114</v>
      </c>
      <c r="P875" s="1">
        <v>44049.802083333336</v>
      </c>
    </row>
    <row r="876" spans="1:16" x14ac:dyDescent="0.4">
      <c r="A876">
        <v>4393</v>
      </c>
      <c r="B876">
        <v>233519</v>
      </c>
      <c r="C876" s="1">
        <v>44053</v>
      </c>
      <c r="D876">
        <v>155</v>
      </c>
      <c r="E876">
        <v>153</v>
      </c>
      <c r="F876" t="s">
        <v>206</v>
      </c>
      <c r="G876">
        <v>6</v>
      </c>
      <c r="H876">
        <v>380</v>
      </c>
      <c r="I876">
        <v>1</v>
      </c>
      <c r="J876">
        <v>0</v>
      </c>
      <c r="K876">
        <v>1014138</v>
      </c>
      <c r="L876">
        <v>1014139</v>
      </c>
      <c r="M876">
        <v>92</v>
      </c>
      <c r="N876" t="s">
        <v>202</v>
      </c>
      <c r="O876" s="1">
        <v>44054.030555555553</v>
      </c>
      <c r="P876" s="1">
        <v>44054.09097222222</v>
      </c>
    </row>
    <row r="877" spans="1:16" x14ac:dyDescent="0.4">
      <c r="A877">
        <v>4394</v>
      </c>
      <c r="B877">
        <v>233687</v>
      </c>
      <c r="C877" s="1">
        <v>44057</v>
      </c>
      <c r="D877">
        <v>186</v>
      </c>
      <c r="E877">
        <v>225</v>
      </c>
      <c r="F877" t="s">
        <v>34</v>
      </c>
      <c r="G877">
        <v>8</v>
      </c>
      <c r="H877">
        <v>350</v>
      </c>
      <c r="I877">
        <v>1</v>
      </c>
      <c r="J877">
        <v>0</v>
      </c>
      <c r="K877">
        <v>1014751</v>
      </c>
      <c r="L877">
        <v>1014752</v>
      </c>
      <c r="M877">
        <v>108</v>
      </c>
      <c r="N877" t="s">
        <v>40</v>
      </c>
      <c r="O877" s="1">
        <v>44058.049305555556</v>
      </c>
      <c r="P877" s="1">
        <v>44058.244444444441</v>
      </c>
    </row>
    <row r="878" spans="1:16" x14ac:dyDescent="0.4">
      <c r="A878">
        <v>4395</v>
      </c>
      <c r="B878">
        <v>233687</v>
      </c>
      <c r="C878" s="1">
        <v>44057</v>
      </c>
      <c r="D878">
        <v>202</v>
      </c>
      <c r="E878">
        <v>6550</v>
      </c>
      <c r="F878" t="s">
        <v>72</v>
      </c>
      <c r="G878">
        <v>8</v>
      </c>
      <c r="H878">
        <v>320</v>
      </c>
      <c r="I878">
        <v>1</v>
      </c>
      <c r="J878">
        <v>0</v>
      </c>
      <c r="K878">
        <v>1014753</v>
      </c>
      <c r="L878">
        <v>1014754</v>
      </c>
      <c r="M878">
        <v>108</v>
      </c>
      <c r="N878" t="s">
        <v>40</v>
      </c>
      <c r="O878" s="1">
        <v>44058.051388888889</v>
      </c>
      <c r="P878" s="1">
        <v>44058.244444444441</v>
      </c>
    </row>
    <row r="879" spans="1:16" x14ac:dyDescent="0.4">
      <c r="A879">
        <v>4396</v>
      </c>
      <c r="B879">
        <v>233781</v>
      </c>
      <c r="C879" s="1">
        <v>44060</v>
      </c>
      <c r="D879">
        <v>125</v>
      </c>
      <c r="E879">
        <v>126</v>
      </c>
      <c r="F879" t="s">
        <v>159</v>
      </c>
      <c r="G879">
        <v>13</v>
      </c>
      <c r="H879">
        <v>280</v>
      </c>
      <c r="I879">
        <v>1</v>
      </c>
      <c r="J879">
        <v>0</v>
      </c>
      <c r="K879">
        <v>1015081</v>
      </c>
      <c r="L879">
        <v>1015082</v>
      </c>
      <c r="M879">
        <v>84</v>
      </c>
      <c r="N879" t="s">
        <v>79</v>
      </c>
      <c r="O879" s="1">
        <v>44060.474999999999</v>
      </c>
      <c r="P879" s="1">
        <v>44060.600694444445</v>
      </c>
    </row>
    <row r="880" spans="1:16" x14ac:dyDescent="0.4">
      <c r="A880">
        <v>4397</v>
      </c>
      <c r="B880">
        <v>234535</v>
      </c>
      <c r="C880" s="1">
        <v>44077</v>
      </c>
      <c r="D880">
        <v>76</v>
      </c>
      <c r="E880">
        <v>51</v>
      </c>
      <c r="F880" t="s">
        <v>33</v>
      </c>
      <c r="G880">
        <v>4</v>
      </c>
      <c r="H880">
        <v>400</v>
      </c>
      <c r="I880">
        <v>1</v>
      </c>
      <c r="J880">
        <v>0</v>
      </c>
      <c r="K880">
        <v>1017690</v>
      </c>
      <c r="L880">
        <v>1017691</v>
      </c>
      <c r="M880">
        <v>98</v>
      </c>
      <c r="N880" t="s">
        <v>155</v>
      </c>
      <c r="O880" s="1">
        <v>44077.944444444445</v>
      </c>
      <c r="P880" s="1">
        <v>44077.95208333333</v>
      </c>
    </row>
    <row r="881" spans="1:16" x14ac:dyDescent="0.4">
      <c r="A881">
        <v>4398</v>
      </c>
      <c r="B881">
        <v>234739</v>
      </c>
      <c r="C881" s="1">
        <v>44081</v>
      </c>
      <c r="D881">
        <v>293</v>
      </c>
      <c r="E881">
        <v>548</v>
      </c>
      <c r="F881" t="s">
        <v>178</v>
      </c>
      <c r="G881">
        <v>10</v>
      </c>
      <c r="H881">
        <v>450</v>
      </c>
      <c r="I881">
        <v>1</v>
      </c>
      <c r="J881">
        <v>0</v>
      </c>
      <c r="K881">
        <v>1018461</v>
      </c>
      <c r="L881">
        <v>1018462</v>
      </c>
      <c r="M881">
        <v>70</v>
      </c>
      <c r="N881" t="s">
        <v>203</v>
      </c>
      <c r="O881" s="1">
        <v>44082.036805555559</v>
      </c>
      <c r="P881" s="1">
        <v>44082.041666666664</v>
      </c>
    </row>
    <row r="882" spans="1:16" x14ac:dyDescent="0.4">
      <c r="A882">
        <v>4399</v>
      </c>
      <c r="B882">
        <v>234840</v>
      </c>
      <c r="C882" s="1">
        <v>44084</v>
      </c>
      <c r="D882">
        <v>125</v>
      </c>
      <c r="E882">
        <v>126</v>
      </c>
      <c r="F882" t="s">
        <v>159</v>
      </c>
      <c r="G882">
        <v>11</v>
      </c>
      <c r="H882">
        <v>280</v>
      </c>
      <c r="I882">
        <v>1</v>
      </c>
      <c r="J882">
        <v>0</v>
      </c>
      <c r="K882">
        <v>1018790</v>
      </c>
      <c r="L882">
        <v>1018791</v>
      </c>
      <c r="M882">
        <v>108</v>
      </c>
      <c r="N882" t="s">
        <v>40</v>
      </c>
      <c r="O882" s="1">
        <v>44084.997916666667</v>
      </c>
      <c r="P882" s="1">
        <v>44084.997916666667</v>
      </c>
    </row>
    <row r="883" spans="1:16" x14ac:dyDescent="0.4">
      <c r="A883">
        <v>4400</v>
      </c>
      <c r="B883">
        <v>235102</v>
      </c>
      <c r="C883" s="1">
        <v>44090</v>
      </c>
      <c r="D883">
        <v>60</v>
      </c>
      <c r="E883">
        <v>33</v>
      </c>
      <c r="F883" t="s">
        <v>86</v>
      </c>
      <c r="G883">
        <v>12</v>
      </c>
      <c r="H883">
        <v>320</v>
      </c>
      <c r="I883">
        <v>1</v>
      </c>
      <c r="J883">
        <v>0</v>
      </c>
      <c r="K883">
        <v>1019769</v>
      </c>
      <c r="L883">
        <v>1019770</v>
      </c>
      <c r="M883">
        <v>98</v>
      </c>
      <c r="N883" t="s">
        <v>155</v>
      </c>
      <c r="O883" s="1">
        <v>44090.798611111109</v>
      </c>
      <c r="P883" s="1">
        <v>44090.802777777775</v>
      </c>
    </row>
    <row r="884" spans="1:16" x14ac:dyDescent="0.4">
      <c r="A884">
        <v>3273</v>
      </c>
      <c r="B884">
        <v>147805</v>
      </c>
      <c r="C884" s="1">
        <v>42735</v>
      </c>
      <c r="D884">
        <v>66</v>
      </c>
      <c r="E884">
        <v>39</v>
      </c>
      <c r="F884" t="s">
        <v>135</v>
      </c>
      <c r="G884">
        <v>15</v>
      </c>
      <c r="H884">
        <v>320</v>
      </c>
      <c r="I884">
        <v>1</v>
      </c>
      <c r="J884">
        <v>0</v>
      </c>
      <c r="K884">
        <v>653403</v>
      </c>
      <c r="L884">
        <v>653404</v>
      </c>
      <c r="M884">
        <v>29</v>
      </c>
      <c r="O884" s="1">
        <v>42736.024305555555</v>
      </c>
      <c r="P884" s="1">
        <v>42736.024305555555</v>
      </c>
    </row>
    <row r="885" spans="1:16" x14ac:dyDescent="0.4">
      <c r="A885">
        <v>3274</v>
      </c>
      <c r="B885">
        <v>147805</v>
      </c>
      <c r="C885" s="1">
        <v>42735</v>
      </c>
      <c r="D885">
        <v>65</v>
      </c>
      <c r="E885">
        <v>38</v>
      </c>
      <c r="F885" t="s">
        <v>80</v>
      </c>
      <c r="G885">
        <v>15</v>
      </c>
      <c r="H885">
        <v>320</v>
      </c>
      <c r="I885">
        <v>1</v>
      </c>
      <c r="J885">
        <v>0</v>
      </c>
      <c r="K885">
        <v>653405</v>
      </c>
      <c r="L885">
        <v>653406</v>
      </c>
      <c r="M885">
        <v>29</v>
      </c>
      <c r="O885" s="1">
        <v>42736.024305555555</v>
      </c>
      <c r="P885" s="1">
        <v>42736.025000000001</v>
      </c>
    </row>
    <row r="886" spans="1:16" x14ac:dyDescent="0.4">
      <c r="A886">
        <v>3275</v>
      </c>
      <c r="B886">
        <v>147803</v>
      </c>
      <c r="C886" s="1">
        <v>42735</v>
      </c>
      <c r="D886">
        <v>93</v>
      </c>
      <c r="E886">
        <v>74</v>
      </c>
      <c r="F886" t="s">
        <v>134</v>
      </c>
      <c r="G886">
        <v>3</v>
      </c>
      <c r="H886">
        <v>480</v>
      </c>
      <c r="I886">
        <v>1</v>
      </c>
      <c r="J886">
        <v>0</v>
      </c>
      <c r="K886">
        <v>653411</v>
      </c>
      <c r="L886">
        <v>653412</v>
      </c>
      <c r="M886">
        <v>1</v>
      </c>
      <c r="N886" t="s">
        <v>12</v>
      </c>
      <c r="O886" s="1">
        <v>42736.015972222223</v>
      </c>
      <c r="P886" s="1">
        <v>42736.033333333333</v>
      </c>
    </row>
    <row r="887" spans="1:16" x14ac:dyDescent="0.4">
      <c r="A887">
        <v>3376</v>
      </c>
      <c r="B887">
        <v>154125</v>
      </c>
      <c r="C887" s="1">
        <v>42824</v>
      </c>
      <c r="D887">
        <v>291</v>
      </c>
      <c r="E887">
        <v>122</v>
      </c>
      <c r="F887" t="s">
        <v>98</v>
      </c>
      <c r="G887">
        <v>1</v>
      </c>
      <c r="H887">
        <v>400</v>
      </c>
      <c r="I887">
        <v>1</v>
      </c>
      <c r="J887">
        <v>0</v>
      </c>
      <c r="K887">
        <v>681753</v>
      </c>
      <c r="L887">
        <v>681754</v>
      </c>
      <c r="M887">
        <v>94</v>
      </c>
      <c r="N887" t="s">
        <v>40</v>
      </c>
      <c r="O887" s="1">
        <v>42825.15625</v>
      </c>
      <c r="P887" s="1">
        <v>42825.180555555555</v>
      </c>
    </row>
    <row r="888" spans="1:16" x14ac:dyDescent="0.4">
      <c r="A888">
        <v>3385</v>
      </c>
      <c r="B888">
        <v>154522</v>
      </c>
      <c r="C888" s="1">
        <v>42829</v>
      </c>
      <c r="D888">
        <v>122</v>
      </c>
      <c r="E888">
        <v>142</v>
      </c>
      <c r="F888" t="s">
        <v>25</v>
      </c>
      <c r="G888">
        <v>2</v>
      </c>
      <c r="H888">
        <v>350</v>
      </c>
      <c r="I888">
        <v>1</v>
      </c>
      <c r="J888">
        <v>0</v>
      </c>
      <c r="K888">
        <v>683591</v>
      </c>
      <c r="L888">
        <v>683592</v>
      </c>
      <c r="M888">
        <v>93</v>
      </c>
      <c r="N888" t="s">
        <v>15</v>
      </c>
      <c r="O888" s="1">
        <v>42829.886111111111</v>
      </c>
      <c r="P888" s="1">
        <v>42829.88958333333</v>
      </c>
    </row>
    <row r="889" spans="1:16" x14ac:dyDescent="0.4">
      <c r="A889">
        <v>3452</v>
      </c>
      <c r="B889">
        <v>157782</v>
      </c>
      <c r="C889" s="1">
        <v>42877</v>
      </c>
      <c r="D889">
        <v>125</v>
      </c>
      <c r="E889">
        <v>126</v>
      </c>
      <c r="F889" t="s">
        <v>8</v>
      </c>
      <c r="G889">
        <v>4</v>
      </c>
      <c r="H889">
        <v>380</v>
      </c>
      <c r="I889">
        <v>1</v>
      </c>
      <c r="J889">
        <v>0</v>
      </c>
      <c r="K889">
        <v>698406</v>
      </c>
      <c r="L889">
        <v>698407</v>
      </c>
      <c r="M889">
        <v>105</v>
      </c>
      <c r="O889" s="1">
        <v>42877.748611111114</v>
      </c>
      <c r="P889" s="1">
        <v>42877.754861111112</v>
      </c>
    </row>
    <row r="890" spans="1:16" x14ac:dyDescent="0.4">
      <c r="A890">
        <v>3453</v>
      </c>
      <c r="B890">
        <v>157813</v>
      </c>
      <c r="C890" s="1">
        <v>42877</v>
      </c>
      <c r="D890">
        <v>66</v>
      </c>
      <c r="E890">
        <v>39</v>
      </c>
      <c r="F890" t="s">
        <v>135</v>
      </c>
      <c r="G890">
        <v>6</v>
      </c>
      <c r="H890">
        <v>320</v>
      </c>
      <c r="I890">
        <v>1</v>
      </c>
      <c r="J890">
        <v>0</v>
      </c>
      <c r="K890">
        <v>698593</v>
      </c>
      <c r="L890">
        <v>698594</v>
      </c>
      <c r="M890">
        <v>1</v>
      </c>
      <c r="N890" t="s">
        <v>45</v>
      </c>
      <c r="O890" s="1">
        <v>42878.02847222222</v>
      </c>
      <c r="P890" s="1">
        <v>42878.271527777775</v>
      </c>
    </row>
    <row r="891" spans="1:16" x14ac:dyDescent="0.4">
      <c r="A891">
        <v>3454</v>
      </c>
      <c r="B891">
        <v>157813</v>
      </c>
      <c r="C891" s="1">
        <v>42877</v>
      </c>
      <c r="D891">
        <v>90</v>
      </c>
      <c r="E891">
        <v>71</v>
      </c>
      <c r="F891" t="s">
        <v>91</v>
      </c>
      <c r="G891">
        <v>6</v>
      </c>
      <c r="H891">
        <v>400</v>
      </c>
      <c r="I891">
        <v>1</v>
      </c>
      <c r="J891">
        <v>0</v>
      </c>
      <c r="K891">
        <v>698595</v>
      </c>
      <c r="L891">
        <v>698596</v>
      </c>
      <c r="M891">
        <v>1</v>
      </c>
      <c r="N891" t="s">
        <v>45</v>
      </c>
      <c r="O891" s="1">
        <v>42878.02847222222</v>
      </c>
      <c r="P891" s="1">
        <v>42878.271527777775</v>
      </c>
    </row>
    <row r="892" spans="1:16" x14ac:dyDescent="0.4">
      <c r="A892">
        <v>3455</v>
      </c>
      <c r="B892">
        <v>157813</v>
      </c>
      <c r="C892" s="1">
        <v>42877</v>
      </c>
      <c r="D892">
        <v>66</v>
      </c>
      <c r="E892">
        <v>39</v>
      </c>
      <c r="F892" t="s">
        <v>135</v>
      </c>
      <c r="G892">
        <v>6</v>
      </c>
      <c r="H892">
        <v>320</v>
      </c>
      <c r="I892">
        <v>1</v>
      </c>
      <c r="J892">
        <v>0</v>
      </c>
      <c r="K892">
        <v>698597</v>
      </c>
      <c r="L892">
        <v>698598</v>
      </c>
      <c r="M892">
        <v>1</v>
      </c>
      <c r="N892" t="s">
        <v>45</v>
      </c>
      <c r="O892" s="1">
        <v>42878.052777777775</v>
      </c>
      <c r="P892" s="1">
        <v>42878.271527777775</v>
      </c>
    </row>
    <row r="893" spans="1:16" x14ac:dyDescent="0.4">
      <c r="A893">
        <v>3456</v>
      </c>
      <c r="B893">
        <v>157813</v>
      </c>
      <c r="C893" s="1">
        <v>42877</v>
      </c>
      <c r="D893">
        <v>90</v>
      </c>
      <c r="E893">
        <v>71</v>
      </c>
      <c r="F893" t="s">
        <v>91</v>
      </c>
      <c r="G893">
        <v>6</v>
      </c>
      <c r="H893">
        <v>400</v>
      </c>
      <c r="I893">
        <v>1</v>
      </c>
      <c r="J893">
        <v>0</v>
      </c>
      <c r="K893">
        <v>698599</v>
      </c>
      <c r="L893">
        <v>698600</v>
      </c>
      <c r="M893">
        <v>1</v>
      </c>
      <c r="N893" t="s">
        <v>45</v>
      </c>
      <c r="O893" s="1">
        <v>42878.052777777775</v>
      </c>
      <c r="P893" s="1">
        <v>42878.271527777775</v>
      </c>
    </row>
    <row r="894" spans="1:16" x14ac:dyDescent="0.4">
      <c r="A894">
        <v>3457</v>
      </c>
      <c r="B894">
        <v>157813</v>
      </c>
      <c r="C894" s="1">
        <v>42877</v>
      </c>
      <c r="D894">
        <v>66</v>
      </c>
      <c r="E894">
        <v>39</v>
      </c>
      <c r="F894" t="s">
        <v>135</v>
      </c>
      <c r="G894">
        <v>6</v>
      </c>
      <c r="H894">
        <v>320</v>
      </c>
      <c r="I894">
        <v>1</v>
      </c>
      <c r="J894">
        <v>0</v>
      </c>
      <c r="K894">
        <v>698601</v>
      </c>
      <c r="L894">
        <v>698602</v>
      </c>
      <c r="M894">
        <v>1</v>
      </c>
      <c r="N894" t="s">
        <v>45</v>
      </c>
      <c r="O894" s="1">
        <v>42878.120833333334</v>
      </c>
      <c r="P894" s="1">
        <v>42878.271527777775</v>
      </c>
    </row>
    <row r="895" spans="1:16" x14ac:dyDescent="0.4">
      <c r="A895">
        <v>3458</v>
      </c>
      <c r="B895">
        <v>157813</v>
      </c>
      <c r="C895" s="1">
        <v>42877</v>
      </c>
      <c r="D895">
        <v>90</v>
      </c>
      <c r="E895">
        <v>71</v>
      </c>
      <c r="F895" t="s">
        <v>91</v>
      </c>
      <c r="G895">
        <v>6</v>
      </c>
      <c r="H895">
        <v>400</v>
      </c>
      <c r="I895">
        <v>1</v>
      </c>
      <c r="J895">
        <v>0</v>
      </c>
      <c r="K895">
        <v>698603</v>
      </c>
      <c r="L895">
        <v>698604</v>
      </c>
      <c r="M895">
        <v>1</v>
      </c>
      <c r="N895" t="s">
        <v>45</v>
      </c>
      <c r="O895" s="1">
        <v>42878.120833333334</v>
      </c>
      <c r="P895" s="1">
        <v>42878.271527777775</v>
      </c>
    </row>
    <row r="896" spans="1:16" x14ac:dyDescent="0.4">
      <c r="A896">
        <v>3459</v>
      </c>
      <c r="B896">
        <v>157813</v>
      </c>
      <c r="C896" s="1">
        <v>42877</v>
      </c>
      <c r="D896">
        <v>66</v>
      </c>
      <c r="E896">
        <v>39</v>
      </c>
      <c r="F896" t="s">
        <v>135</v>
      </c>
      <c r="G896">
        <v>6</v>
      </c>
      <c r="H896">
        <v>320</v>
      </c>
      <c r="I896">
        <v>1</v>
      </c>
      <c r="J896">
        <v>0</v>
      </c>
      <c r="K896">
        <v>698605</v>
      </c>
      <c r="L896">
        <v>698606</v>
      </c>
      <c r="M896">
        <v>1</v>
      </c>
      <c r="N896" t="s">
        <v>45</v>
      </c>
      <c r="O896" s="1">
        <v>42878.13958333333</v>
      </c>
      <c r="P896" s="1">
        <v>42878.271527777775</v>
      </c>
    </row>
    <row r="897" spans="1:16" x14ac:dyDescent="0.4">
      <c r="A897">
        <v>3460</v>
      </c>
      <c r="B897">
        <v>157813</v>
      </c>
      <c r="C897" s="1">
        <v>42877</v>
      </c>
      <c r="D897">
        <v>90</v>
      </c>
      <c r="E897">
        <v>71</v>
      </c>
      <c r="F897" t="s">
        <v>91</v>
      </c>
      <c r="G897">
        <v>6</v>
      </c>
      <c r="H897">
        <v>400</v>
      </c>
      <c r="I897">
        <v>1</v>
      </c>
      <c r="J897">
        <v>0</v>
      </c>
      <c r="K897">
        <v>698607</v>
      </c>
      <c r="L897">
        <v>698608</v>
      </c>
      <c r="M897">
        <v>1</v>
      </c>
      <c r="N897" t="s">
        <v>45</v>
      </c>
      <c r="O897" s="1">
        <v>42878.13958333333</v>
      </c>
      <c r="P897" s="1">
        <v>42878.272222222222</v>
      </c>
    </row>
    <row r="898" spans="1:16" x14ac:dyDescent="0.4">
      <c r="A898">
        <v>3462</v>
      </c>
      <c r="B898">
        <v>157859</v>
      </c>
      <c r="C898" s="1">
        <v>42878</v>
      </c>
      <c r="D898">
        <v>87</v>
      </c>
      <c r="E898">
        <v>68</v>
      </c>
      <c r="F898" t="s">
        <v>123</v>
      </c>
      <c r="G898">
        <v>9</v>
      </c>
      <c r="H898">
        <v>400</v>
      </c>
      <c r="I898">
        <v>1</v>
      </c>
      <c r="J898">
        <v>0</v>
      </c>
      <c r="K898">
        <v>698761</v>
      </c>
      <c r="L898">
        <v>698762</v>
      </c>
      <c r="M898">
        <v>1</v>
      </c>
      <c r="N898" t="s">
        <v>45</v>
      </c>
      <c r="O898" s="1">
        <v>42878.794444444444</v>
      </c>
      <c r="P898" s="1">
        <v>42878.882638888892</v>
      </c>
    </row>
    <row r="899" spans="1:16" x14ac:dyDescent="0.4">
      <c r="A899">
        <v>3463</v>
      </c>
      <c r="B899">
        <v>157859</v>
      </c>
      <c r="C899" s="1">
        <v>42878</v>
      </c>
      <c r="D899">
        <v>86</v>
      </c>
      <c r="E899">
        <v>67</v>
      </c>
      <c r="F899" t="s">
        <v>93</v>
      </c>
      <c r="G899">
        <v>9</v>
      </c>
      <c r="H899">
        <v>400</v>
      </c>
      <c r="I899">
        <v>1</v>
      </c>
      <c r="J899">
        <v>0</v>
      </c>
      <c r="K899">
        <v>698763</v>
      </c>
      <c r="L899">
        <v>698764</v>
      </c>
      <c r="M899">
        <v>1</v>
      </c>
      <c r="N899" t="s">
        <v>45</v>
      </c>
      <c r="O899" s="1">
        <v>42878.803472222222</v>
      </c>
      <c r="P899" s="1">
        <v>42878.882638888892</v>
      </c>
    </row>
    <row r="900" spans="1:16" x14ac:dyDescent="0.4">
      <c r="A900">
        <v>3464</v>
      </c>
      <c r="B900">
        <v>157859</v>
      </c>
      <c r="C900" s="1">
        <v>42878</v>
      </c>
      <c r="D900">
        <v>86</v>
      </c>
      <c r="E900">
        <v>67</v>
      </c>
      <c r="F900" t="s">
        <v>93</v>
      </c>
      <c r="G900">
        <v>9</v>
      </c>
      <c r="H900">
        <v>400</v>
      </c>
      <c r="I900">
        <v>1</v>
      </c>
      <c r="J900">
        <v>0</v>
      </c>
      <c r="K900">
        <v>698765</v>
      </c>
      <c r="L900">
        <v>698766</v>
      </c>
      <c r="M900">
        <v>1</v>
      </c>
      <c r="N900" t="s">
        <v>45</v>
      </c>
      <c r="O900" s="1">
        <v>42878.813888888886</v>
      </c>
      <c r="P900" s="1">
        <v>42878.882638888892</v>
      </c>
    </row>
    <row r="901" spans="1:16" x14ac:dyDescent="0.4">
      <c r="A901">
        <v>3465</v>
      </c>
      <c r="B901">
        <v>157859</v>
      </c>
      <c r="C901" s="1">
        <v>42878</v>
      </c>
      <c r="D901">
        <v>66</v>
      </c>
      <c r="E901">
        <v>39</v>
      </c>
      <c r="F901" t="s">
        <v>135</v>
      </c>
      <c r="G901">
        <v>9</v>
      </c>
      <c r="H901">
        <v>320</v>
      </c>
      <c r="I901">
        <v>1</v>
      </c>
      <c r="J901">
        <v>0</v>
      </c>
      <c r="K901">
        <v>698767</v>
      </c>
      <c r="L901">
        <v>698768</v>
      </c>
      <c r="M901">
        <v>1</v>
      </c>
      <c r="N901" t="s">
        <v>45</v>
      </c>
      <c r="O901" s="1">
        <v>42878.813888888886</v>
      </c>
      <c r="P901" s="1">
        <v>42878.882638888892</v>
      </c>
    </row>
    <row r="902" spans="1:16" x14ac:dyDescent="0.4">
      <c r="A902">
        <v>3466</v>
      </c>
      <c r="B902">
        <v>157859</v>
      </c>
      <c r="C902" s="1">
        <v>42878</v>
      </c>
      <c r="D902">
        <v>86</v>
      </c>
      <c r="E902">
        <v>67</v>
      </c>
      <c r="F902" t="s">
        <v>93</v>
      </c>
      <c r="G902">
        <v>9</v>
      </c>
      <c r="H902">
        <v>400</v>
      </c>
      <c r="I902">
        <v>1</v>
      </c>
      <c r="J902">
        <v>0</v>
      </c>
      <c r="K902">
        <v>698769</v>
      </c>
      <c r="L902">
        <v>698770</v>
      </c>
      <c r="M902">
        <v>1</v>
      </c>
      <c r="N902" t="s">
        <v>45</v>
      </c>
      <c r="O902" s="1">
        <v>42878.834722222222</v>
      </c>
      <c r="P902" s="1">
        <v>42878.882638888892</v>
      </c>
    </row>
    <row r="903" spans="1:16" x14ac:dyDescent="0.4">
      <c r="A903">
        <v>3467</v>
      </c>
      <c r="B903">
        <v>157859</v>
      </c>
      <c r="C903" s="1">
        <v>42878</v>
      </c>
      <c r="D903">
        <v>71</v>
      </c>
      <c r="E903">
        <v>52</v>
      </c>
      <c r="F903" t="s">
        <v>23</v>
      </c>
      <c r="G903">
        <v>9</v>
      </c>
      <c r="H903">
        <v>400</v>
      </c>
      <c r="I903">
        <v>1</v>
      </c>
      <c r="J903">
        <v>0</v>
      </c>
      <c r="K903">
        <v>698771</v>
      </c>
      <c r="L903">
        <v>698772</v>
      </c>
      <c r="M903">
        <v>1</v>
      </c>
      <c r="N903" t="s">
        <v>45</v>
      </c>
      <c r="O903" s="1">
        <v>42878.857638888891</v>
      </c>
      <c r="P903" s="1">
        <v>42878.883333333331</v>
      </c>
    </row>
    <row r="904" spans="1:16" x14ac:dyDescent="0.4">
      <c r="A904">
        <v>3468</v>
      </c>
      <c r="B904">
        <v>157859</v>
      </c>
      <c r="C904" s="1">
        <v>42878</v>
      </c>
      <c r="D904">
        <v>71</v>
      </c>
      <c r="E904">
        <v>52</v>
      </c>
      <c r="F904" t="s">
        <v>23</v>
      </c>
      <c r="G904">
        <v>9</v>
      </c>
      <c r="H904">
        <v>400</v>
      </c>
      <c r="I904">
        <v>1</v>
      </c>
      <c r="J904">
        <v>0</v>
      </c>
      <c r="K904">
        <v>698773</v>
      </c>
      <c r="L904">
        <v>698774</v>
      </c>
      <c r="M904">
        <v>1</v>
      </c>
      <c r="N904" t="s">
        <v>45</v>
      </c>
      <c r="O904" s="1">
        <v>42878.882638888892</v>
      </c>
      <c r="P904" s="1">
        <v>42878.883333333331</v>
      </c>
    </row>
    <row r="905" spans="1:16" x14ac:dyDescent="0.4">
      <c r="A905">
        <v>3475</v>
      </c>
      <c r="B905">
        <v>158041</v>
      </c>
      <c r="C905" s="1">
        <v>42881</v>
      </c>
      <c r="D905">
        <v>213</v>
      </c>
      <c r="E905">
        <v>211</v>
      </c>
      <c r="F905" t="s">
        <v>46</v>
      </c>
      <c r="G905">
        <v>3</v>
      </c>
      <c r="H905">
        <v>0</v>
      </c>
      <c r="I905">
        <v>1</v>
      </c>
      <c r="J905">
        <v>0</v>
      </c>
      <c r="K905">
        <v>699516</v>
      </c>
      <c r="L905">
        <v>699517</v>
      </c>
      <c r="M905">
        <v>16</v>
      </c>
      <c r="N905" t="s">
        <v>64</v>
      </c>
      <c r="O905" s="1">
        <v>42881.946527777778</v>
      </c>
      <c r="P905" s="1">
        <v>42881.946527777778</v>
      </c>
    </row>
    <row r="906" spans="1:16" x14ac:dyDescent="0.4">
      <c r="A906">
        <v>3479</v>
      </c>
      <c r="B906">
        <v>158220</v>
      </c>
      <c r="C906" s="1">
        <v>42883</v>
      </c>
      <c r="D906">
        <v>304</v>
      </c>
      <c r="E906">
        <v>3126</v>
      </c>
      <c r="F906" t="s">
        <v>176</v>
      </c>
      <c r="G906">
        <v>3</v>
      </c>
      <c r="H906">
        <v>0</v>
      </c>
      <c r="I906">
        <v>1</v>
      </c>
      <c r="J906">
        <v>0</v>
      </c>
      <c r="K906">
        <v>700445</v>
      </c>
      <c r="L906">
        <v>700446</v>
      </c>
      <c r="M906">
        <v>1</v>
      </c>
      <c r="N906" t="s">
        <v>45</v>
      </c>
      <c r="O906" s="1">
        <v>42883.90347222222</v>
      </c>
      <c r="P906" s="1">
        <v>42883.904861111114</v>
      </c>
    </row>
    <row r="907" spans="1:16" x14ac:dyDescent="0.4">
      <c r="A907">
        <v>3485</v>
      </c>
      <c r="B907">
        <v>158498</v>
      </c>
      <c r="C907" s="1">
        <v>42888</v>
      </c>
      <c r="D907">
        <v>205</v>
      </c>
      <c r="E907">
        <v>400</v>
      </c>
      <c r="F907" t="s">
        <v>125</v>
      </c>
      <c r="G907">
        <v>11</v>
      </c>
      <c r="H907">
        <v>320</v>
      </c>
      <c r="I907">
        <v>1</v>
      </c>
      <c r="J907">
        <v>0</v>
      </c>
      <c r="K907">
        <v>701720</v>
      </c>
      <c r="L907">
        <v>701721</v>
      </c>
      <c r="M907">
        <v>1</v>
      </c>
      <c r="N907" t="s">
        <v>45</v>
      </c>
      <c r="O907" s="1">
        <v>42889.032638888886</v>
      </c>
      <c r="P907" s="1">
        <v>42889.068055555559</v>
      </c>
    </row>
    <row r="908" spans="1:16" x14ac:dyDescent="0.4">
      <c r="A908">
        <v>3486</v>
      </c>
      <c r="B908">
        <v>158498</v>
      </c>
      <c r="C908" s="1">
        <v>42888</v>
      </c>
      <c r="D908">
        <v>205</v>
      </c>
      <c r="E908">
        <v>400</v>
      </c>
      <c r="F908" t="s">
        <v>125</v>
      </c>
      <c r="G908">
        <v>11</v>
      </c>
      <c r="H908">
        <v>320</v>
      </c>
      <c r="I908">
        <v>1</v>
      </c>
      <c r="J908">
        <v>0</v>
      </c>
      <c r="K908">
        <v>701722</v>
      </c>
      <c r="L908">
        <v>701723</v>
      </c>
      <c r="M908">
        <v>1</v>
      </c>
      <c r="N908" t="s">
        <v>45</v>
      </c>
      <c r="O908" s="1">
        <v>42889.039583333331</v>
      </c>
      <c r="P908" s="1">
        <v>42889.068749999999</v>
      </c>
    </row>
    <row r="909" spans="1:16" x14ac:dyDescent="0.4">
      <c r="A909">
        <v>3487</v>
      </c>
      <c r="B909">
        <v>158498</v>
      </c>
      <c r="C909" s="1">
        <v>42888</v>
      </c>
      <c r="D909">
        <v>263</v>
      </c>
      <c r="E909">
        <v>430</v>
      </c>
      <c r="F909" t="s">
        <v>133</v>
      </c>
      <c r="G909">
        <v>11</v>
      </c>
      <c r="H909">
        <v>320</v>
      </c>
      <c r="I909">
        <v>1</v>
      </c>
      <c r="J909">
        <v>0</v>
      </c>
      <c r="K909">
        <v>701724</v>
      </c>
      <c r="L909">
        <v>701725</v>
      </c>
      <c r="M909">
        <v>1</v>
      </c>
      <c r="N909" t="s">
        <v>45</v>
      </c>
      <c r="O909" s="1">
        <v>42889.045138888891</v>
      </c>
      <c r="P909" s="1">
        <v>42889.068749999999</v>
      </c>
    </row>
    <row r="910" spans="1:16" x14ac:dyDescent="0.4">
      <c r="A910">
        <v>3488</v>
      </c>
      <c r="B910">
        <v>158498</v>
      </c>
      <c r="C910" s="1">
        <v>42888</v>
      </c>
      <c r="D910">
        <v>205</v>
      </c>
      <c r="E910">
        <v>400</v>
      </c>
      <c r="F910" t="s">
        <v>125</v>
      </c>
      <c r="G910">
        <v>11</v>
      </c>
      <c r="H910">
        <v>320</v>
      </c>
      <c r="I910">
        <v>1</v>
      </c>
      <c r="J910">
        <v>0</v>
      </c>
      <c r="K910">
        <v>701726</v>
      </c>
      <c r="L910">
        <v>701727</v>
      </c>
      <c r="M910">
        <v>1</v>
      </c>
      <c r="N910" t="s">
        <v>45</v>
      </c>
      <c r="O910" s="1">
        <v>42889.04791666667</v>
      </c>
      <c r="P910" s="1">
        <v>42889.068749999999</v>
      </c>
    </row>
    <row r="911" spans="1:16" x14ac:dyDescent="0.4">
      <c r="A911">
        <v>3489</v>
      </c>
      <c r="B911">
        <v>158498</v>
      </c>
      <c r="C911" s="1">
        <v>42888</v>
      </c>
      <c r="D911">
        <v>205</v>
      </c>
      <c r="E911">
        <v>400</v>
      </c>
      <c r="F911" t="s">
        <v>125</v>
      </c>
      <c r="G911">
        <v>11</v>
      </c>
      <c r="H911">
        <v>320</v>
      </c>
      <c r="I911">
        <v>1</v>
      </c>
      <c r="J911">
        <v>0</v>
      </c>
      <c r="K911">
        <v>701728</v>
      </c>
      <c r="L911">
        <v>701729</v>
      </c>
      <c r="M911">
        <v>1</v>
      </c>
      <c r="N911" t="s">
        <v>45</v>
      </c>
      <c r="O911" s="1">
        <v>42889.068055555559</v>
      </c>
      <c r="P911" s="1">
        <v>42889.068749999999</v>
      </c>
    </row>
    <row r="912" spans="1:16" x14ac:dyDescent="0.4">
      <c r="A912">
        <v>4013</v>
      </c>
      <c r="B912">
        <v>205434</v>
      </c>
      <c r="C912" s="1">
        <v>43569</v>
      </c>
      <c r="D912">
        <v>147</v>
      </c>
      <c r="E912">
        <v>1131</v>
      </c>
      <c r="F912" t="s">
        <v>21</v>
      </c>
      <c r="G912">
        <v>4</v>
      </c>
      <c r="H912">
        <v>450</v>
      </c>
      <c r="I912">
        <v>1</v>
      </c>
      <c r="J912">
        <v>0</v>
      </c>
      <c r="K912">
        <v>903968</v>
      </c>
      <c r="L912">
        <v>903969</v>
      </c>
      <c r="M912">
        <v>29</v>
      </c>
      <c r="N912" t="s">
        <v>97</v>
      </c>
      <c r="O912" s="1">
        <v>43570.134027777778</v>
      </c>
      <c r="P912" s="1">
        <v>43570.136805555558</v>
      </c>
    </row>
    <row r="913" spans="1:16" x14ac:dyDescent="0.4">
      <c r="A913">
        <v>4116</v>
      </c>
      <c r="B913">
        <v>210436</v>
      </c>
      <c r="C913" s="1">
        <v>43645</v>
      </c>
      <c r="D913">
        <v>12</v>
      </c>
      <c r="E913">
        <v>111</v>
      </c>
      <c r="F913" t="s">
        <v>207</v>
      </c>
      <c r="G913">
        <v>4</v>
      </c>
      <c r="H913">
        <v>500</v>
      </c>
      <c r="I913">
        <v>1</v>
      </c>
      <c r="J913">
        <v>0</v>
      </c>
      <c r="K913">
        <v>923876</v>
      </c>
      <c r="L913">
        <v>923877</v>
      </c>
      <c r="M913">
        <v>108</v>
      </c>
      <c r="N913" t="s">
        <v>40</v>
      </c>
      <c r="O913" s="1">
        <v>43645.982638888891</v>
      </c>
      <c r="P913" s="1">
        <v>43645.98333333333</v>
      </c>
    </row>
    <row r="914" spans="1:16" x14ac:dyDescent="0.4">
      <c r="A914">
        <v>4404</v>
      </c>
      <c r="B914">
        <v>235185</v>
      </c>
      <c r="C914" s="1">
        <v>44092</v>
      </c>
      <c r="D914">
        <v>167</v>
      </c>
      <c r="E914">
        <v>305</v>
      </c>
      <c r="F914" t="s">
        <v>82</v>
      </c>
      <c r="G914">
        <v>14</v>
      </c>
      <c r="H914">
        <v>500</v>
      </c>
      <c r="I914">
        <v>1</v>
      </c>
      <c r="J914">
        <v>0</v>
      </c>
      <c r="K914">
        <v>1020075</v>
      </c>
      <c r="L914">
        <v>1020076</v>
      </c>
      <c r="M914">
        <v>108</v>
      </c>
      <c r="N914" t="s">
        <v>40</v>
      </c>
      <c r="O914" s="1">
        <v>44093.007638888892</v>
      </c>
      <c r="P914" s="1">
        <v>44093.007638888892</v>
      </c>
    </row>
    <row r="915" spans="1:16" x14ac:dyDescent="0.4">
      <c r="A915">
        <v>4405</v>
      </c>
      <c r="B915">
        <v>235185</v>
      </c>
      <c r="C915" s="1">
        <v>44092</v>
      </c>
      <c r="D915">
        <v>167</v>
      </c>
      <c r="E915">
        <v>305</v>
      </c>
      <c r="F915" t="s">
        <v>82</v>
      </c>
      <c r="G915">
        <v>14</v>
      </c>
      <c r="H915">
        <v>500</v>
      </c>
      <c r="I915">
        <v>1</v>
      </c>
      <c r="J915">
        <v>0</v>
      </c>
      <c r="K915">
        <v>1020077</v>
      </c>
      <c r="L915">
        <v>1020078</v>
      </c>
      <c r="M915">
        <v>108</v>
      </c>
      <c r="N915" t="s">
        <v>40</v>
      </c>
      <c r="O915" s="1">
        <v>44093.007638888892</v>
      </c>
      <c r="P915" s="1">
        <v>44093.007638888892</v>
      </c>
    </row>
    <row r="916" spans="1:16" x14ac:dyDescent="0.4">
      <c r="A916">
        <v>4406</v>
      </c>
      <c r="B916">
        <v>235330</v>
      </c>
      <c r="C916" s="1">
        <v>44095</v>
      </c>
      <c r="D916">
        <v>290</v>
      </c>
      <c r="E916">
        <v>1260</v>
      </c>
      <c r="F916" t="s">
        <v>167</v>
      </c>
      <c r="G916">
        <v>15</v>
      </c>
      <c r="H916">
        <v>400</v>
      </c>
      <c r="I916">
        <v>1</v>
      </c>
      <c r="J916">
        <v>0</v>
      </c>
      <c r="K916">
        <v>1020709</v>
      </c>
      <c r="L916">
        <v>1020710</v>
      </c>
      <c r="M916">
        <v>107</v>
      </c>
      <c r="N916" t="s">
        <v>172</v>
      </c>
      <c r="O916" s="1">
        <v>44095.526388888888</v>
      </c>
      <c r="P916" s="1">
        <v>44095.526388888888</v>
      </c>
    </row>
    <row r="917" spans="1:16" x14ac:dyDescent="0.4">
      <c r="A917">
        <v>4407</v>
      </c>
      <c r="B917">
        <v>235436</v>
      </c>
      <c r="C917" s="1">
        <v>44096</v>
      </c>
      <c r="D917">
        <v>186</v>
      </c>
      <c r="E917">
        <v>225</v>
      </c>
      <c r="F917" t="s">
        <v>34</v>
      </c>
      <c r="G917">
        <v>1</v>
      </c>
      <c r="H917">
        <v>350</v>
      </c>
      <c r="I917">
        <v>1</v>
      </c>
      <c r="J917">
        <v>0</v>
      </c>
      <c r="K917">
        <v>1021039</v>
      </c>
      <c r="L917">
        <v>1021040</v>
      </c>
      <c r="M917">
        <v>85</v>
      </c>
      <c r="O917" s="1">
        <v>44096.864583333336</v>
      </c>
      <c r="P917" s="1">
        <v>44096.884027777778</v>
      </c>
    </row>
    <row r="918" spans="1:16" x14ac:dyDescent="0.4">
      <c r="A918">
        <v>4408</v>
      </c>
      <c r="B918">
        <v>235436</v>
      </c>
      <c r="C918" s="1">
        <v>44096</v>
      </c>
      <c r="D918">
        <v>186</v>
      </c>
      <c r="E918">
        <v>225</v>
      </c>
      <c r="F918" t="s">
        <v>34</v>
      </c>
      <c r="G918">
        <v>1</v>
      </c>
      <c r="H918">
        <v>350</v>
      </c>
      <c r="I918">
        <v>1</v>
      </c>
      <c r="J918">
        <v>0</v>
      </c>
      <c r="K918">
        <v>1021041</v>
      </c>
      <c r="L918">
        <v>1021042</v>
      </c>
      <c r="M918">
        <v>85</v>
      </c>
      <c r="O918" s="1">
        <v>44096.882638888892</v>
      </c>
      <c r="P918" s="1">
        <v>44096.884722222225</v>
      </c>
    </row>
    <row r="919" spans="1:16" x14ac:dyDescent="0.4">
      <c r="A919">
        <v>4409</v>
      </c>
      <c r="B919">
        <v>235437</v>
      </c>
      <c r="C919" s="1">
        <v>44096</v>
      </c>
      <c r="D919">
        <v>158</v>
      </c>
      <c r="E919">
        <v>117</v>
      </c>
      <c r="F919" t="s">
        <v>20</v>
      </c>
      <c r="G919">
        <v>4</v>
      </c>
      <c r="H919">
        <v>500</v>
      </c>
      <c r="I919">
        <v>1</v>
      </c>
      <c r="J919">
        <v>0</v>
      </c>
      <c r="K919">
        <v>1021053</v>
      </c>
      <c r="L919">
        <v>1021054</v>
      </c>
      <c r="M919">
        <v>70</v>
      </c>
      <c r="N919" t="s">
        <v>203</v>
      </c>
      <c r="O919" s="1">
        <v>44096.916666666664</v>
      </c>
      <c r="P919" s="1">
        <v>44096.92291666667</v>
      </c>
    </row>
    <row r="920" spans="1:16" x14ac:dyDescent="0.4">
      <c r="A920">
        <v>4410</v>
      </c>
      <c r="B920">
        <v>235437</v>
      </c>
      <c r="C920" s="1">
        <v>44096</v>
      </c>
      <c r="D920">
        <v>292</v>
      </c>
      <c r="E920">
        <v>547</v>
      </c>
      <c r="F920" t="s">
        <v>149</v>
      </c>
      <c r="G920">
        <v>4</v>
      </c>
      <c r="H920">
        <v>450</v>
      </c>
      <c r="I920">
        <v>1</v>
      </c>
      <c r="J920">
        <v>0</v>
      </c>
      <c r="K920">
        <v>1021055</v>
      </c>
      <c r="L920">
        <v>1021056</v>
      </c>
      <c r="M920">
        <v>70</v>
      </c>
      <c r="N920" t="s">
        <v>203</v>
      </c>
      <c r="O920" s="1">
        <v>44096.916666666664</v>
      </c>
      <c r="P920" s="1">
        <v>44096.92291666667</v>
      </c>
    </row>
    <row r="921" spans="1:16" x14ac:dyDescent="0.4">
      <c r="A921">
        <v>4411</v>
      </c>
      <c r="B921">
        <v>235437</v>
      </c>
      <c r="C921" s="1">
        <v>44096</v>
      </c>
      <c r="D921">
        <v>284</v>
      </c>
      <c r="E921">
        <v>380</v>
      </c>
      <c r="F921" t="s">
        <v>208</v>
      </c>
      <c r="G921">
        <v>4</v>
      </c>
      <c r="H921">
        <v>450</v>
      </c>
      <c r="I921">
        <v>1</v>
      </c>
      <c r="J921">
        <v>0</v>
      </c>
      <c r="K921">
        <v>1021057</v>
      </c>
      <c r="L921">
        <v>1021058</v>
      </c>
      <c r="M921">
        <v>70</v>
      </c>
      <c r="N921" t="s">
        <v>203</v>
      </c>
      <c r="O921" s="1">
        <v>44096.916666666664</v>
      </c>
      <c r="P921" s="1">
        <v>44096.92291666667</v>
      </c>
    </row>
    <row r="922" spans="1:16" x14ac:dyDescent="0.4">
      <c r="A922">
        <v>4412</v>
      </c>
      <c r="B922">
        <v>235437</v>
      </c>
      <c r="C922" s="1">
        <v>44096</v>
      </c>
      <c r="D922">
        <v>172</v>
      </c>
      <c r="E922">
        <v>107</v>
      </c>
      <c r="F922" t="s">
        <v>209</v>
      </c>
      <c r="G922">
        <v>4</v>
      </c>
      <c r="H922">
        <v>320</v>
      </c>
      <c r="I922">
        <v>1</v>
      </c>
      <c r="J922">
        <v>0</v>
      </c>
      <c r="K922">
        <v>1021062</v>
      </c>
      <c r="L922">
        <v>1021063</v>
      </c>
      <c r="M922">
        <v>70</v>
      </c>
      <c r="N922" t="s">
        <v>203</v>
      </c>
      <c r="O922" s="1">
        <v>44096.927777777775</v>
      </c>
      <c r="P922" s="1">
        <v>44096.933333333334</v>
      </c>
    </row>
    <row r="923" spans="1:16" x14ac:dyDescent="0.4">
      <c r="A923">
        <v>4413</v>
      </c>
      <c r="B923">
        <v>235438</v>
      </c>
      <c r="C923" s="1">
        <v>44096</v>
      </c>
      <c r="D923">
        <v>167</v>
      </c>
      <c r="E923">
        <v>305</v>
      </c>
      <c r="F923" t="s">
        <v>82</v>
      </c>
      <c r="G923">
        <v>2</v>
      </c>
      <c r="H923">
        <v>500</v>
      </c>
      <c r="I923">
        <v>1</v>
      </c>
      <c r="J923">
        <v>0</v>
      </c>
      <c r="K923">
        <v>1021068</v>
      </c>
      <c r="L923">
        <v>1021069</v>
      </c>
      <c r="M923">
        <v>70</v>
      </c>
      <c r="N923" t="s">
        <v>203</v>
      </c>
      <c r="O923" s="1">
        <v>44096.924305555556</v>
      </c>
      <c r="P923" s="1">
        <v>44096.945138888892</v>
      </c>
    </row>
    <row r="924" spans="1:16" x14ac:dyDescent="0.4">
      <c r="A924">
        <v>4414</v>
      </c>
      <c r="B924">
        <v>235585</v>
      </c>
      <c r="C924" s="1">
        <v>44100</v>
      </c>
      <c r="D924">
        <v>84</v>
      </c>
      <c r="E924">
        <v>65</v>
      </c>
      <c r="F924" t="s">
        <v>71</v>
      </c>
      <c r="G924">
        <v>16</v>
      </c>
      <c r="H924">
        <v>400</v>
      </c>
      <c r="I924">
        <v>1</v>
      </c>
      <c r="J924">
        <v>0</v>
      </c>
      <c r="K924">
        <v>1021687</v>
      </c>
      <c r="L924">
        <v>1021688</v>
      </c>
      <c r="M924">
        <v>107</v>
      </c>
      <c r="N924" t="s">
        <v>172</v>
      </c>
      <c r="O924" s="1">
        <v>44100.825694444444</v>
      </c>
      <c r="P924" s="1">
        <v>44100.826388888891</v>
      </c>
    </row>
    <row r="925" spans="1:16" x14ac:dyDescent="0.4">
      <c r="A925">
        <v>4415</v>
      </c>
      <c r="B925">
        <v>235585</v>
      </c>
      <c r="C925" s="1">
        <v>44100</v>
      </c>
      <c r="D925">
        <v>57</v>
      </c>
      <c r="E925">
        <v>30</v>
      </c>
      <c r="F925" t="s">
        <v>60</v>
      </c>
      <c r="G925">
        <v>16</v>
      </c>
      <c r="H925">
        <v>320</v>
      </c>
      <c r="I925">
        <v>1</v>
      </c>
      <c r="J925">
        <v>0</v>
      </c>
      <c r="K925">
        <v>1021689</v>
      </c>
      <c r="L925">
        <v>1021690</v>
      </c>
      <c r="M925">
        <v>107</v>
      </c>
      <c r="N925" t="s">
        <v>172</v>
      </c>
      <c r="O925" s="1">
        <v>44100.825694444444</v>
      </c>
      <c r="P925" s="1">
        <v>44100.826388888891</v>
      </c>
    </row>
    <row r="926" spans="1:16" x14ac:dyDescent="0.4">
      <c r="A926">
        <v>4416</v>
      </c>
      <c r="B926">
        <v>235585</v>
      </c>
      <c r="C926" s="1">
        <v>44100</v>
      </c>
      <c r="D926">
        <v>109</v>
      </c>
      <c r="E926">
        <v>80</v>
      </c>
      <c r="F926" t="s">
        <v>186</v>
      </c>
      <c r="G926">
        <v>16</v>
      </c>
      <c r="H926">
        <v>400</v>
      </c>
      <c r="I926">
        <v>1</v>
      </c>
      <c r="J926">
        <v>0</v>
      </c>
      <c r="K926">
        <v>1021691</v>
      </c>
      <c r="L926">
        <v>1021692</v>
      </c>
      <c r="M926">
        <v>107</v>
      </c>
      <c r="N926" t="s">
        <v>172</v>
      </c>
      <c r="O926" s="1">
        <v>44100.825694444444</v>
      </c>
      <c r="P926" s="1">
        <v>44100.826388888891</v>
      </c>
    </row>
    <row r="927" spans="1:16" x14ac:dyDescent="0.4">
      <c r="A927">
        <v>4417</v>
      </c>
      <c r="B927">
        <v>235712</v>
      </c>
      <c r="C927" s="1">
        <v>44102</v>
      </c>
      <c r="D927">
        <v>186</v>
      </c>
      <c r="E927">
        <v>225</v>
      </c>
      <c r="F927" t="s">
        <v>34</v>
      </c>
      <c r="G927">
        <v>2</v>
      </c>
      <c r="H927">
        <v>350</v>
      </c>
      <c r="I927">
        <v>2</v>
      </c>
      <c r="J927">
        <v>0</v>
      </c>
      <c r="K927">
        <v>1022146</v>
      </c>
      <c r="L927">
        <v>1022147</v>
      </c>
      <c r="M927">
        <v>105</v>
      </c>
      <c r="O927" s="1">
        <v>44102.873611111114</v>
      </c>
      <c r="P927" s="1">
        <v>44102.935416666667</v>
      </c>
    </row>
    <row r="928" spans="1:16" x14ac:dyDescent="0.4">
      <c r="A928">
        <v>4418</v>
      </c>
      <c r="B928">
        <v>235712</v>
      </c>
      <c r="C928" s="1">
        <v>44102</v>
      </c>
      <c r="D928">
        <v>186</v>
      </c>
      <c r="E928">
        <v>225</v>
      </c>
      <c r="F928" t="s">
        <v>34</v>
      </c>
      <c r="G928">
        <v>2</v>
      </c>
      <c r="H928">
        <v>350</v>
      </c>
      <c r="I928">
        <v>1</v>
      </c>
      <c r="J928">
        <v>0</v>
      </c>
      <c r="K928">
        <v>1022148</v>
      </c>
      <c r="L928">
        <v>1022149</v>
      </c>
      <c r="M928">
        <v>105</v>
      </c>
      <c r="O928" s="1">
        <v>44102.886805555558</v>
      </c>
      <c r="P928" s="1">
        <v>44102.935416666667</v>
      </c>
    </row>
    <row r="929" spans="1:16" x14ac:dyDescent="0.4">
      <c r="A929">
        <v>4419</v>
      </c>
      <c r="B929">
        <v>236233</v>
      </c>
      <c r="C929" s="1">
        <v>44114</v>
      </c>
      <c r="D929">
        <v>125</v>
      </c>
      <c r="E929">
        <v>126</v>
      </c>
      <c r="F929" t="s">
        <v>159</v>
      </c>
      <c r="G929">
        <v>14</v>
      </c>
      <c r="H929">
        <v>280</v>
      </c>
      <c r="I929">
        <v>1</v>
      </c>
      <c r="J929">
        <v>0</v>
      </c>
      <c r="K929">
        <v>1024013</v>
      </c>
      <c r="L929">
        <v>1024014</v>
      </c>
      <c r="M929">
        <v>84</v>
      </c>
      <c r="N929" t="s">
        <v>79</v>
      </c>
      <c r="O929" s="1">
        <v>44114.597222222219</v>
      </c>
      <c r="P929" s="1">
        <v>44114.597916666666</v>
      </c>
    </row>
    <row r="930" spans="1:16" x14ac:dyDescent="0.4">
      <c r="A930">
        <v>4420</v>
      </c>
      <c r="B930">
        <v>236277</v>
      </c>
      <c r="C930" s="1">
        <v>44115</v>
      </c>
      <c r="D930">
        <v>125</v>
      </c>
      <c r="E930">
        <v>126</v>
      </c>
      <c r="F930" t="s">
        <v>159</v>
      </c>
      <c r="G930">
        <v>11</v>
      </c>
      <c r="H930">
        <v>280</v>
      </c>
      <c r="I930">
        <v>2</v>
      </c>
      <c r="J930">
        <v>0</v>
      </c>
      <c r="K930">
        <v>1024285</v>
      </c>
      <c r="L930">
        <v>1024286</v>
      </c>
      <c r="M930">
        <v>98</v>
      </c>
      <c r="N930" t="s">
        <v>155</v>
      </c>
      <c r="O930" s="1">
        <v>44115.455555555556</v>
      </c>
      <c r="P930" s="1">
        <v>44115.67291666667</v>
      </c>
    </row>
    <row r="931" spans="1:16" x14ac:dyDescent="0.4">
      <c r="A931">
        <v>4421</v>
      </c>
      <c r="B931">
        <v>236369</v>
      </c>
      <c r="C931" s="1">
        <v>44116</v>
      </c>
      <c r="D931">
        <v>66</v>
      </c>
      <c r="E931">
        <v>39</v>
      </c>
      <c r="F931" t="s">
        <v>135</v>
      </c>
      <c r="G931">
        <v>2</v>
      </c>
      <c r="H931">
        <v>320</v>
      </c>
      <c r="I931">
        <v>1</v>
      </c>
      <c r="J931">
        <v>0</v>
      </c>
      <c r="K931">
        <v>1024519</v>
      </c>
      <c r="L931">
        <v>1024520</v>
      </c>
      <c r="M931">
        <v>70</v>
      </c>
      <c r="N931" t="s">
        <v>203</v>
      </c>
      <c r="O931" s="1">
        <v>44116.893055555556</v>
      </c>
      <c r="P931" s="1">
        <v>44116.899305555555</v>
      </c>
    </row>
    <row r="932" spans="1:16" x14ac:dyDescent="0.4">
      <c r="A932">
        <v>4422</v>
      </c>
      <c r="B932">
        <v>236369</v>
      </c>
      <c r="C932" s="1">
        <v>44116</v>
      </c>
      <c r="D932">
        <v>61</v>
      </c>
      <c r="E932">
        <v>34</v>
      </c>
      <c r="F932" t="s">
        <v>115</v>
      </c>
      <c r="G932">
        <v>2</v>
      </c>
      <c r="H932">
        <v>320</v>
      </c>
      <c r="I932">
        <v>1</v>
      </c>
      <c r="J932">
        <v>0</v>
      </c>
      <c r="K932">
        <v>1024521</v>
      </c>
      <c r="L932">
        <v>1024522</v>
      </c>
      <c r="M932">
        <v>70</v>
      </c>
      <c r="N932" t="s">
        <v>203</v>
      </c>
      <c r="O932" s="1">
        <v>44116.893055555556</v>
      </c>
      <c r="P932" s="1">
        <v>44116.899305555555</v>
      </c>
    </row>
    <row r="933" spans="1:16" x14ac:dyDescent="0.4">
      <c r="A933">
        <v>3277</v>
      </c>
      <c r="B933">
        <v>147863</v>
      </c>
      <c r="C933" s="1">
        <v>42736</v>
      </c>
      <c r="D933">
        <v>69</v>
      </c>
      <c r="E933">
        <v>50</v>
      </c>
      <c r="F933" t="s">
        <v>18</v>
      </c>
      <c r="G933">
        <v>4</v>
      </c>
      <c r="H933">
        <v>480</v>
      </c>
      <c r="I933">
        <v>1</v>
      </c>
      <c r="J933">
        <v>0</v>
      </c>
      <c r="K933">
        <v>653695</v>
      </c>
      <c r="L933">
        <v>653696</v>
      </c>
      <c r="M933">
        <v>29</v>
      </c>
      <c r="O933" s="1">
        <v>42737.165277777778</v>
      </c>
      <c r="P933" s="1">
        <v>42737.177083333336</v>
      </c>
    </row>
    <row r="934" spans="1:16" x14ac:dyDescent="0.4">
      <c r="A934">
        <v>3278</v>
      </c>
      <c r="B934">
        <v>147863</v>
      </c>
      <c r="C934" s="1">
        <v>42736</v>
      </c>
      <c r="D934">
        <v>268</v>
      </c>
      <c r="E934">
        <v>702</v>
      </c>
      <c r="F934" t="s">
        <v>210</v>
      </c>
      <c r="G934">
        <v>4</v>
      </c>
      <c r="H934">
        <v>0</v>
      </c>
      <c r="I934">
        <v>1</v>
      </c>
      <c r="J934">
        <v>0</v>
      </c>
      <c r="K934">
        <v>653697</v>
      </c>
      <c r="L934">
        <v>653698</v>
      </c>
      <c r="M934">
        <v>29</v>
      </c>
      <c r="O934" s="1">
        <v>42737.165277777778</v>
      </c>
      <c r="P934" s="1">
        <v>42737.177083333336</v>
      </c>
    </row>
    <row r="935" spans="1:16" x14ac:dyDescent="0.4">
      <c r="A935">
        <v>3363</v>
      </c>
      <c r="B935">
        <v>153639</v>
      </c>
      <c r="C935" s="1">
        <v>42818</v>
      </c>
      <c r="D935">
        <v>246</v>
      </c>
      <c r="E935">
        <v>59</v>
      </c>
      <c r="F935" t="s">
        <v>92</v>
      </c>
      <c r="G935">
        <v>4</v>
      </c>
      <c r="H935">
        <v>400</v>
      </c>
      <c r="I935">
        <v>3</v>
      </c>
      <c r="J935">
        <v>0</v>
      </c>
      <c r="K935">
        <v>679592</v>
      </c>
      <c r="L935">
        <v>679593</v>
      </c>
      <c r="M935">
        <v>1</v>
      </c>
      <c r="N935" t="s">
        <v>12</v>
      </c>
      <c r="O935" s="1">
        <v>42819.011805555558</v>
      </c>
      <c r="P935" s="1">
        <v>42819.01666666667</v>
      </c>
    </row>
    <row r="936" spans="1:16" x14ac:dyDescent="0.4">
      <c r="A936">
        <v>3364</v>
      </c>
      <c r="B936">
        <v>153639</v>
      </c>
      <c r="C936" s="1">
        <v>42818</v>
      </c>
      <c r="D936">
        <v>71</v>
      </c>
      <c r="E936">
        <v>52</v>
      </c>
      <c r="F936" t="s">
        <v>23</v>
      </c>
      <c r="G936">
        <v>4</v>
      </c>
      <c r="H936">
        <v>400</v>
      </c>
      <c r="I936">
        <v>1</v>
      </c>
      <c r="J936">
        <v>0</v>
      </c>
      <c r="K936">
        <v>679594</v>
      </c>
      <c r="L936">
        <v>679595</v>
      </c>
      <c r="M936">
        <v>1</v>
      </c>
      <c r="N936" t="s">
        <v>12</v>
      </c>
      <c r="O936" s="1">
        <v>42819.011805555558</v>
      </c>
      <c r="P936" s="1">
        <v>42819.01666666667</v>
      </c>
    </row>
    <row r="937" spans="1:16" x14ac:dyDescent="0.4">
      <c r="A937">
        <v>3365</v>
      </c>
      <c r="B937">
        <v>153639</v>
      </c>
      <c r="C937" s="1">
        <v>42818</v>
      </c>
      <c r="D937">
        <v>73</v>
      </c>
      <c r="E937">
        <v>54</v>
      </c>
      <c r="F937" t="s">
        <v>36</v>
      </c>
      <c r="G937">
        <v>4</v>
      </c>
      <c r="H937">
        <v>400</v>
      </c>
      <c r="I937">
        <v>1</v>
      </c>
      <c r="J937">
        <v>0</v>
      </c>
      <c r="K937">
        <v>679596</v>
      </c>
      <c r="L937">
        <v>679597</v>
      </c>
      <c r="M937">
        <v>1</v>
      </c>
      <c r="N937" t="s">
        <v>12</v>
      </c>
      <c r="O937" s="1">
        <v>42819.011805555558</v>
      </c>
      <c r="P937" s="1">
        <v>42819.01666666667</v>
      </c>
    </row>
    <row r="938" spans="1:16" x14ac:dyDescent="0.4">
      <c r="A938">
        <v>3368</v>
      </c>
      <c r="B938">
        <v>153750</v>
      </c>
      <c r="C938" s="1">
        <v>42819</v>
      </c>
      <c r="D938">
        <v>73</v>
      </c>
      <c r="E938">
        <v>54</v>
      </c>
      <c r="F938" t="s">
        <v>36</v>
      </c>
      <c r="G938">
        <v>11</v>
      </c>
      <c r="H938">
        <v>400</v>
      </c>
      <c r="I938">
        <v>1</v>
      </c>
      <c r="J938">
        <v>0</v>
      </c>
      <c r="K938">
        <v>680163</v>
      </c>
      <c r="L938">
        <v>680164</v>
      </c>
      <c r="M938">
        <v>1</v>
      </c>
      <c r="N938" t="s">
        <v>12</v>
      </c>
      <c r="O938" s="1">
        <v>42820.154166666667</v>
      </c>
      <c r="P938" s="1">
        <v>42820.154166666667</v>
      </c>
    </row>
    <row r="939" spans="1:16" x14ac:dyDescent="0.4">
      <c r="A939">
        <v>3491</v>
      </c>
      <c r="B939">
        <v>158538</v>
      </c>
      <c r="C939" s="1">
        <v>42889</v>
      </c>
      <c r="D939">
        <v>125</v>
      </c>
      <c r="E939">
        <v>126</v>
      </c>
      <c r="F939" t="s">
        <v>8</v>
      </c>
      <c r="G939">
        <v>15</v>
      </c>
      <c r="H939">
        <v>380</v>
      </c>
      <c r="I939">
        <v>2</v>
      </c>
      <c r="J939">
        <v>1</v>
      </c>
      <c r="K939">
        <v>701879</v>
      </c>
      <c r="L939">
        <v>701880</v>
      </c>
      <c r="M939">
        <v>96</v>
      </c>
      <c r="N939" t="s">
        <v>7</v>
      </c>
      <c r="O939" s="1">
        <v>42889.644444444442</v>
      </c>
      <c r="P939" s="1">
        <v>42889.654861111114</v>
      </c>
    </row>
    <row r="940" spans="1:16" x14ac:dyDescent="0.4">
      <c r="A940">
        <v>3493</v>
      </c>
      <c r="B940">
        <v>158587</v>
      </c>
      <c r="C940" s="1">
        <v>42889</v>
      </c>
      <c r="D940">
        <v>90</v>
      </c>
      <c r="E940">
        <v>71</v>
      </c>
      <c r="F940" t="s">
        <v>91</v>
      </c>
      <c r="G940">
        <v>11</v>
      </c>
      <c r="H940">
        <v>0</v>
      </c>
      <c r="I940">
        <v>1</v>
      </c>
      <c r="J940">
        <v>0</v>
      </c>
      <c r="K940">
        <v>702131</v>
      </c>
      <c r="L940">
        <v>702132</v>
      </c>
      <c r="M940">
        <v>91</v>
      </c>
      <c r="N940" t="s">
        <v>24</v>
      </c>
      <c r="O940" s="1">
        <v>42890.01666666667</v>
      </c>
      <c r="P940" s="1">
        <v>42890.017361111109</v>
      </c>
    </row>
    <row r="941" spans="1:16" x14ac:dyDescent="0.4">
      <c r="A941">
        <v>3495</v>
      </c>
      <c r="B941">
        <v>158669</v>
      </c>
      <c r="C941" s="1">
        <v>42890</v>
      </c>
      <c r="D941">
        <v>205</v>
      </c>
      <c r="E941">
        <v>400</v>
      </c>
      <c r="F941" t="s">
        <v>125</v>
      </c>
      <c r="G941">
        <v>4</v>
      </c>
      <c r="H941">
        <v>320</v>
      </c>
      <c r="I941">
        <v>1</v>
      </c>
      <c r="J941">
        <v>0</v>
      </c>
      <c r="K941">
        <v>702534</v>
      </c>
      <c r="L941">
        <v>702535</v>
      </c>
      <c r="M941">
        <v>89</v>
      </c>
      <c r="N941" t="s">
        <v>44</v>
      </c>
      <c r="O941" s="1">
        <v>42891.006249999999</v>
      </c>
      <c r="P941" s="1">
        <v>42891.043749999997</v>
      </c>
    </row>
    <row r="942" spans="1:16" x14ac:dyDescent="0.4">
      <c r="A942">
        <v>3496</v>
      </c>
      <c r="B942">
        <v>158669</v>
      </c>
      <c r="C942" s="1">
        <v>42890</v>
      </c>
      <c r="D942">
        <v>65</v>
      </c>
      <c r="E942">
        <v>38</v>
      </c>
      <c r="F942" t="s">
        <v>80</v>
      </c>
      <c r="G942">
        <v>4</v>
      </c>
      <c r="H942">
        <v>320</v>
      </c>
      <c r="I942">
        <v>1</v>
      </c>
      <c r="J942">
        <v>0</v>
      </c>
      <c r="K942">
        <v>702536</v>
      </c>
      <c r="L942">
        <v>702537</v>
      </c>
      <c r="M942">
        <v>89</v>
      </c>
      <c r="N942" t="s">
        <v>44</v>
      </c>
      <c r="O942" s="1">
        <v>42891.043749999997</v>
      </c>
      <c r="P942" s="1">
        <v>42891.043749999997</v>
      </c>
    </row>
    <row r="943" spans="1:16" x14ac:dyDescent="0.4">
      <c r="A943">
        <v>3498</v>
      </c>
      <c r="B943">
        <v>158815</v>
      </c>
      <c r="C943" s="1">
        <v>42893</v>
      </c>
      <c r="D943">
        <v>125</v>
      </c>
      <c r="E943">
        <v>126</v>
      </c>
      <c r="F943" t="s">
        <v>8</v>
      </c>
      <c r="G943">
        <v>14</v>
      </c>
      <c r="H943">
        <v>380</v>
      </c>
      <c r="I943">
        <v>1</v>
      </c>
      <c r="J943">
        <v>0</v>
      </c>
      <c r="K943">
        <v>703112</v>
      </c>
      <c r="L943">
        <v>703113</v>
      </c>
      <c r="M943">
        <v>103</v>
      </c>
      <c r="N943" t="s">
        <v>65</v>
      </c>
      <c r="O943" s="1">
        <v>42893.899305555555</v>
      </c>
      <c r="P943" s="1">
        <v>42893.909722222219</v>
      </c>
    </row>
    <row r="944" spans="1:16" x14ac:dyDescent="0.4">
      <c r="A944">
        <v>3501</v>
      </c>
      <c r="B944">
        <v>159032</v>
      </c>
      <c r="C944" s="1">
        <v>42896</v>
      </c>
      <c r="D944">
        <v>99</v>
      </c>
      <c r="E944">
        <v>23</v>
      </c>
      <c r="F944" t="s">
        <v>103</v>
      </c>
      <c r="G944">
        <v>1</v>
      </c>
      <c r="H944">
        <v>480</v>
      </c>
      <c r="I944">
        <v>1</v>
      </c>
      <c r="J944">
        <v>0</v>
      </c>
      <c r="K944">
        <v>704049</v>
      </c>
      <c r="L944">
        <v>704050</v>
      </c>
      <c r="M944">
        <v>91</v>
      </c>
      <c r="N944" t="s">
        <v>24</v>
      </c>
      <c r="O944" s="1">
        <v>42896.972222222219</v>
      </c>
      <c r="P944" s="1">
        <v>42896.972222222219</v>
      </c>
    </row>
    <row r="945" spans="1:16" x14ac:dyDescent="0.4">
      <c r="A945">
        <v>3504</v>
      </c>
      <c r="B945">
        <v>159164</v>
      </c>
      <c r="C945" s="1">
        <v>42898</v>
      </c>
      <c r="D945">
        <v>186</v>
      </c>
      <c r="E945">
        <v>225</v>
      </c>
      <c r="F945" t="s">
        <v>34</v>
      </c>
      <c r="G945">
        <v>11</v>
      </c>
      <c r="H945">
        <v>350</v>
      </c>
      <c r="I945">
        <v>1</v>
      </c>
      <c r="J945">
        <v>0</v>
      </c>
      <c r="K945">
        <v>704632</v>
      </c>
      <c r="L945">
        <v>704633</v>
      </c>
      <c r="M945">
        <v>96</v>
      </c>
      <c r="N945" t="s">
        <v>7</v>
      </c>
      <c r="O945" s="1">
        <v>42898.725694444445</v>
      </c>
      <c r="P945" s="1">
        <v>42898.730555555558</v>
      </c>
    </row>
    <row r="946" spans="1:16" x14ac:dyDescent="0.4">
      <c r="A946">
        <v>3506</v>
      </c>
      <c r="B946">
        <v>159268</v>
      </c>
      <c r="C946" s="1">
        <v>42900</v>
      </c>
      <c r="D946">
        <v>127</v>
      </c>
      <c r="E946">
        <v>136</v>
      </c>
      <c r="F946" t="s">
        <v>32</v>
      </c>
      <c r="G946">
        <v>11</v>
      </c>
      <c r="H946">
        <v>600</v>
      </c>
      <c r="I946">
        <v>1</v>
      </c>
      <c r="J946">
        <v>0</v>
      </c>
      <c r="K946">
        <v>705031</v>
      </c>
      <c r="L946">
        <v>705032</v>
      </c>
      <c r="M946">
        <v>103</v>
      </c>
      <c r="N946" t="s">
        <v>65</v>
      </c>
      <c r="O946" s="1">
        <v>42900.790972222225</v>
      </c>
      <c r="P946" s="1">
        <v>42900.793749999997</v>
      </c>
    </row>
    <row r="947" spans="1:16" x14ac:dyDescent="0.4">
      <c r="A947">
        <v>3653</v>
      </c>
      <c r="B947">
        <v>167726</v>
      </c>
      <c r="C947" s="1">
        <v>43015</v>
      </c>
      <c r="D947">
        <v>157</v>
      </c>
      <c r="E947">
        <v>113</v>
      </c>
      <c r="F947" t="s">
        <v>59</v>
      </c>
      <c r="G947">
        <v>7</v>
      </c>
      <c r="H947">
        <v>550</v>
      </c>
      <c r="I947">
        <v>1</v>
      </c>
      <c r="J947">
        <v>0</v>
      </c>
      <c r="K947">
        <v>742821</v>
      </c>
      <c r="L947">
        <v>742822</v>
      </c>
      <c r="M947">
        <v>99</v>
      </c>
      <c r="N947" t="s">
        <v>43</v>
      </c>
      <c r="O947" s="1">
        <v>43015.9</v>
      </c>
      <c r="P947" s="1">
        <v>43015.901388888888</v>
      </c>
    </row>
    <row r="948" spans="1:16" x14ac:dyDescent="0.4">
      <c r="A948">
        <v>3654</v>
      </c>
      <c r="B948">
        <v>167751</v>
      </c>
      <c r="C948" s="1">
        <v>43015</v>
      </c>
      <c r="D948">
        <v>103</v>
      </c>
      <c r="E948">
        <v>27</v>
      </c>
      <c r="F948" t="s">
        <v>191</v>
      </c>
      <c r="G948">
        <v>12</v>
      </c>
      <c r="H948">
        <v>1650</v>
      </c>
      <c r="I948">
        <v>1</v>
      </c>
      <c r="J948">
        <v>0</v>
      </c>
      <c r="K948">
        <v>743065</v>
      </c>
      <c r="L948">
        <v>743066</v>
      </c>
      <c r="M948">
        <v>1</v>
      </c>
      <c r="N948" t="s">
        <v>45</v>
      </c>
      <c r="O948" s="1">
        <v>43016.024305555555</v>
      </c>
      <c r="P948" s="1">
        <v>43016.248611111114</v>
      </c>
    </row>
    <row r="949" spans="1:16" x14ac:dyDescent="0.4">
      <c r="A949">
        <v>3655</v>
      </c>
      <c r="B949">
        <v>167751</v>
      </c>
      <c r="C949" s="1">
        <v>43015</v>
      </c>
      <c r="D949">
        <v>209</v>
      </c>
      <c r="E949">
        <v>200</v>
      </c>
      <c r="F949" t="s">
        <v>211</v>
      </c>
      <c r="G949">
        <v>12</v>
      </c>
      <c r="H949">
        <v>0</v>
      </c>
      <c r="I949">
        <v>2</v>
      </c>
      <c r="J949">
        <v>0</v>
      </c>
      <c r="K949">
        <v>743067</v>
      </c>
      <c r="L949">
        <v>743068</v>
      </c>
      <c r="M949">
        <v>1</v>
      </c>
      <c r="N949" t="s">
        <v>45</v>
      </c>
      <c r="O949" s="1">
        <v>43016.024305555555</v>
      </c>
      <c r="P949" s="1">
        <v>43016.248611111114</v>
      </c>
    </row>
    <row r="950" spans="1:16" x14ac:dyDescent="0.4">
      <c r="A950">
        <v>3660</v>
      </c>
      <c r="B950">
        <v>167870</v>
      </c>
      <c r="C950" s="1">
        <v>43017</v>
      </c>
      <c r="D950">
        <v>96</v>
      </c>
      <c r="E950">
        <v>20</v>
      </c>
      <c r="F950" t="s">
        <v>63</v>
      </c>
      <c r="G950">
        <v>19</v>
      </c>
      <c r="H950">
        <v>420</v>
      </c>
      <c r="I950">
        <v>2</v>
      </c>
      <c r="J950">
        <v>0</v>
      </c>
      <c r="K950">
        <v>743511</v>
      </c>
      <c r="L950">
        <v>743512</v>
      </c>
      <c r="M950">
        <v>96</v>
      </c>
      <c r="N950" t="s">
        <v>7</v>
      </c>
      <c r="O950" s="1">
        <v>43017.44027777778</v>
      </c>
      <c r="P950" s="1">
        <v>43017.480555555558</v>
      </c>
    </row>
    <row r="951" spans="1:16" x14ac:dyDescent="0.4">
      <c r="A951">
        <v>3661</v>
      </c>
      <c r="B951">
        <v>167894</v>
      </c>
      <c r="C951" s="1">
        <v>43017</v>
      </c>
      <c r="D951">
        <v>125</v>
      </c>
      <c r="E951">
        <v>126</v>
      </c>
      <c r="F951" t="s">
        <v>8</v>
      </c>
      <c r="G951">
        <v>8</v>
      </c>
      <c r="H951">
        <v>380</v>
      </c>
      <c r="I951">
        <v>1</v>
      </c>
      <c r="J951">
        <v>0</v>
      </c>
      <c r="K951">
        <v>743582</v>
      </c>
      <c r="L951">
        <v>743583</v>
      </c>
      <c r="M951">
        <v>96</v>
      </c>
      <c r="N951" t="s">
        <v>7</v>
      </c>
      <c r="O951" s="1">
        <v>43017.635416666664</v>
      </c>
      <c r="P951" s="1">
        <v>43017.635416666664</v>
      </c>
    </row>
    <row r="952" spans="1:16" x14ac:dyDescent="0.4">
      <c r="A952">
        <v>3665</v>
      </c>
      <c r="B952">
        <v>168043</v>
      </c>
      <c r="C952" s="1">
        <v>43019</v>
      </c>
      <c r="D952">
        <v>145</v>
      </c>
      <c r="E952">
        <v>132</v>
      </c>
      <c r="F952" t="s">
        <v>74</v>
      </c>
      <c r="G952">
        <v>2</v>
      </c>
      <c r="H952">
        <v>300</v>
      </c>
      <c r="I952">
        <v>1</v>
      </c>
      <c r="J952">
        <v>0</v>
      </c>
      <c r="K952">
        <v>744232</v>
      </c>
      <c r="L952">
        <v>744233</v>
      </c>
      <c r="M952">
        <v>82</v>
      </c>
      <c r="N952" t="s">
        <v>87</v>
      </c>
      <c r="O952" s="1">
        <v>43020.209722222222</v>
      </c>
      <c r="P952" s="1">
        <v>43020.238194444442</v>
      </c>
    </row>
    <row r="953" spans="1:16" x14ac:dyDescent="0.4">
      <c r="A953">
        <v>3668</v>
      </c>
      <c r="B953">
        <v>168447</v>
      </c>
      <c r="C953" s="1">
        <v>43025</v>
      </c>
      <c r="D953">
        <v>89</v>
      </c>
      <c r="E953">
        <v>70</v>
      </c>
      <c r="F953" t="s">
        <v>10</v>
      </c>
      <c r="G953">
        <v>6</v>
      </c>
      <c r="H953">
        <v>0</v>
      </c>
      <c r="I953">
        <v>63</v>
      </c>
      <c r="J953">
        <v>1</v>
      </c>
      <c r="K953">
        <v>746028</v>
      </c>
      <c r="L953">
        <v>746029</v>
      </c>
      <c r="M953">
        <v>89</v>
      </c>
      <c r="N953" t="s">
        <v>44</v>
      </c>
      <c r="O953" s="1">
        <v>43025.820833333331</v>
      </c>
      <c r="P953" s="1">
        <v>43025.820833333331</v>
      </c>
    </row>
    <row r="954" spans="1:16" x14ac:dyDescent="0.4">
      <c r="A954">
        <v>3673</v>
      </c>
      <c r="B954">
        <v>168846</v>
      </c>
      <c r="C954" s="1">
        <v>43031</v>
      </c>
      <c r="D954">
        <v>82</v>
      </c>
      <c r="E954">
        <v>63</v>
      </c>
      <c r="F954" t="s">
        <v>169</v>
      </c>
      <c r="G954">
        <v>1</v>
      </c>
      <c r="H954">
        <v>0</v>
      </c>
      <c r="I954">
        <v>1</v>
      </c>
      <c r="J954">
        <v>0</v>
      </c>
      <c r="K954">
        <v>747692</v>
      </c>
      <c r="L954">
        <v>747693</v>
      </c>
      <c r="M954">
        <v>1</v>
      </c>
      <c r="N954" t="s">
        <v>45</v>
      </c>
      <c r="O954" s="1">
        <v>43032.022222222222</v>
      </c>
      <c r="P954" s="1">
        <v>43032.061805555553</v>
      </c>
    </row>
    <row r="955" spans="1:16" x14ac:dyDescent="0.4">
      <c r="A955">
        <v>3675</v>
      </c>
      <c r="B955">
        <v>168938</v>
      </c>
      <c r="C955" s="1">
        <v>43033</v>
      </c>
      <c r="D955">
        <v>75</v>
      </c>
      <c r="E955">
        <v>56</v>
      </c>
      <c r="F955" t="s">
        <v>49</v>
      </c>
      <c r="G955">
        <v>7</v>
      </c>
      <c r="H955">
        <v>0</v>
      </c>
      <c r="I955">
        <v>1</v>
      </c>
      <c r="J955">
        <v>0</v>
      </c>
      <c r="K955">
        <v>748028</v>
      </c>
      <c r="L955">
        <v>748029</v>
      </c>
      <c r="M955">
        <v>106</v>
      </c>
      <c r="N955" t="s">
        <v>99</v>
      </c>
      <c r="O955" s="1">
        <v>43033.88958333333</v>
      </c>
      <c r="P955" s="1">
        <v>43033.88958333333</v>
      </c>
    </row>
    <row r="956" spans="1:16" x14ac:dyDescent="0.4">
      <c r="A956">
        <v>3676</v>
      </c>
      <c r="B956">
        <v>168945</v>
      </c>
      <c r="C956" s="1">
        <v>43033</v>
      </c>
      <c r="D956">
        <v>213</v>
      </c>
      <c r="E956">
        <v>211</v>
      </c>
      <c r="F956" t="s">
        <v>46</v>
      </c>
      <c r="G956">
        <v>20</v>
      </c>
      <c r="H956">
        <v>0</v>
      </c>
      <c r="I956">
        <v>3</v>
      </c>
      <c r="J956">
        <v>0</v>
      </c>
      <c r="K956">
        <v>748053</v>
      </c>
      <c r="L956">
        <v>748054</v>
      </c>
      <c r="M956">
        <v>1</v>
      </c>
      <c r="N956" t="s">
        <v>45</v>
      </c>
      <c r="O956" s="1">
        <v>43033.911805555559</v>
      </c>
      <c r="P956" s="1">
        <v>43033.913194444445</v>
      </c>
    </row>
    <row r="957" spans="1:16" x14ac:dyDescent="0.4">
      <c r="A957">
        <v>3678</v>
      </c>
      <c r="B957">
        <v>169076</v>
      </c>
      <c r="C957" s="1">
        <v>43035</v>
      </c>
      <c r="D957">
        <v>84</v>
      </c>
      <c r="E957">
        <v>65</v>
      </c>
      <c r="F957" t="s">
        <v>71</v>
      </c>
      <c r="G957">
        <v>6</v>
      </c>
      <c r="H957">
        <v>400</v>
      </c>
      <c r="I957">
        <v>1</v>
      </c>
      <c r="J957">
        <v>0</v>
      </c>
      <c r="K957">
        <v>748680</v>
      </c>
      <c r="L957">
        <v>748681</v>
      </c>
      <c r="M957">
        <v>1</v>
      </c>
      <c r="N957" t="s">
        <v>45</v>
      </c>
      <c r="O957" s="1">
        <v>43036.09097222222</v>
      </c>
      <c r="P957" s="1">
        <v>43036.118055555555</v>
      </c>
    </row>
    <row r="958" spans="1:16" x14ac:dyDescent="0.4">
      <c r="A958">
        <v>3679</v>
      </c>
      <c r="B958">
        <v>169076</v>
      </c>
      <c r="C958" s="1">
        <v>43035</v>
      </c>
      <c r="D958">
        <v>186</v>
      </c>
      <c r="E958">
        <v>225</v>
      </c>
      <c r="F958" t="s">
        <v>34</v>
      </c>
      <c r="G958">
        <v>6</v>
      </c>
      <c r="H958">
        <v>350</v>
      </c>
      <c r="I958">
        <v>1</v>
      </c>
      <c r="J958">
        <v>0</v>
      </c>
      <c r="K958">
        <v>748682</v>
      </c>
      <c r="L958">
        <v>748683</v>
      </c>
      <c r="M958">
        <v>1</v>
      </c>
      <c r="N958" t="s">
        <v>45</v>
      </c>
      <c r="O958" s="1">
        <v>43036.099305555559</v>
      </c>
      <c r="P958" s="1">
        <v>43036.118055555555</v>
      </c>
    </row>
    <row r="959" spans="1:16" x14ac:dyDescent="0.4">
      <c r="A959">
        <v>3680</v>
      </c>
      <c r="B959">
        <v>169076</v>
      </c>
      <c r="C959" s="1">
        <v>43035</v>
      </c>
      <c r="D959">
        <v>186</v>
      </c>
      <c r="E959">
        <v>225</v>
      </c>
      <c r="F959" t="s">
        <v>34</v>
      </c>
      <c r="G959">
        <v>6</v>
      </c>
      <c r="H959">
        <v>350</v>
      </c>
      <c r="I959">
        <v>1</v>
      </c>
      <c r="J959">
        <v>0</v>
      </c>
      <c r="K959">
        <v>748684</v>
      </c>
      <c r="L959">
        <v>748685</v>
      </c>
      <c r="M959">
        <v>1</v>
      </c>
      <c r="N959" t="s">
        <v>45</v>
      </c>
      <c r="O959" s="1">
        <v>43036.103472222225</v>
      </c>
      <c r="P959" s="1">
        <v>43036.118055555555</v>
      </c>
    </row>
    <row r="960" spans="1:16" x14ac:dyDescent="0.4">
      <c r="A960">
        <v>3681</v>
      </c>
      <c r="B960">
        <v>169076</v>
      </c>
      <c r="C960" s="1">
        <v>43035</v>
      </c>
      <c r="D960">
        <v>84</v>
      </c>
      <c r="E960">
        <v>65</v>
      </c>
      <c r="F960" t="s">
        <v>71</v>
      </c>
      <c r="G960">
        <v>6</v>
      </c>
      <c r="H960">
        <v>400</v>
      </c>
      <c r="I960">
        <v>1</v>
      </c>
      <c r="J960">
        <v>0</v>
      </c>
      <c r="K960">
        <v>748686</v>
      </c>
      <c r="L960">
        <v>748687</v>
      </c>
      <c r="M960">
        <v>1</v>
      </c>
      <c r="N960" t="s">
        <v>45</v>
      </c>
      <c r="O960" s="1">
        <v>43036.117361111108</v>
      </c>
      <c r="P960" s="1">
        <v>43036.118055555555</v>
      </c>
    </row>
    <row r="961" spans="1:16" x14ac:dyDescent="0.4">
      <c r="A961">
        <v>3682</v>
      </c>
      <c r="B961">
        <v>169076</v>
      </c>
      <c r="C961" s="1">
        <v>43035</v>
      </c>
      <c r="D961">
        <v>186</v>
      </c>
      <c r="E961">
        <v>225</v>
      </c>
      <c r="F961" t="s">
        <v>34</v>
      </c>
      <c r="G961">
        <v>6</v>
      </c>
      <c r="H961">
        <v>350</v>
      </c>
      <c r="I961">
        <v>1</v>
      </c>
      <c r="J961">
        <v>0</v>
      </c>
      <c r="K961">
        <v>748688</v>
      </c>
      <c r="L961">
        <v>748689</v>
      </c>
      <c r="M961">
        <v>1</v>
      </c>
      <c r="N961" t="s">
        <v>45</v>
      </c>
      <c r="O961" s="1">
        <v>43036.117361111108</v>
      </c>
      <c r="P961" s="1">
        <v>43036.118055555555</v>
      </c>
    </row>
    <row r="962" spans="1:16" x14ac:dyDescent="0.4">
      <c r="A962">
        <v>4055</v>
      </c>
      <c r="B962">
        <v>208602</v>
      </c>
      <c r="C962" s="1">
        <v>43617</v>
      </c>
      <c r="D962">
        <v>179</v>
      </c>
      <c r="E962">
        <v>146</v>
      </c>
      <c r="F962" t="s">
        <v>194</v>
      </c>
      <c r="G962">
        <v>1</v>
      </c>
      <c r="H962">
        <v>250</v>
      </c>
      <c r="I962">
        <v>1</v>
      </c>
      <c r="J962">
        <v>0</v>
      </c>
      <c r="K962">
        <v>916551</v>
      </c>
      <c r="L962">
        <v>916552</v>
      </c>
      <c r="M962">
        <v>84</v>
      </c>
      <c r="N962" t="s">
        <v>79</v>
      </c>
      <c r="O962" s="1">
        <v>43618.058333333334</v>
      </c>
      <c r="P962" s="1">
        <v>43618.06527777778</v>
      </c>
    </row>
    <row r="963" spans="1:16" x14ac:dyDescent="0.4">
      <c r="A963">
        <v>4056</v>
      </c>
      <c r="B963">
        <v>208602</v>
      </c>
      <c r="C963" s="1">
        <v>43617</v>
      </c>
      <c r="D963">
        <v>179</v>
      </c>
      <c r="E963">
        <v>146</v>
      </c>
      <c r="F963" t="s">
        <v>194</v>
      </c>
      <c r="G963">
        <v>1</v>
      </c>
      <c r="H963">
        <v>250</v>
      </c>
      <c r="I963">
        <v>1</v>
      </c>
      <c r="J963">
        <v>0</v>
      </c>
      <c r="K963">
        <v>916553</v>
      </c>
      <c r="L963">
        <v>916554</v>
      </c>
      <c r="M963">
        <v>84</v>
      </c>
      <c r="N963" t="s">
        <v>79</v>
      </c>
      <c r="O963" s="1">
        <v>43618.058333333334</v>
      </c>
      <c r="P963" s="1">
        <v>43618.06527777778</v>
      </c>
    </row>
    <row r="964" spans="1:16" x14ac:dyDescent="0.4">
      <c r="A964">
        <v>4057</v>
      </c>
      <c r="B964">
        <v>208602</v>
      </c>
      <c r="C964" s="1">
        <v>43617</v>
      </c>
      <c r="D964">
        <v>179</v>
      </c>
      <c r="E964">
        <v>146</v>
      </c>
      <c r="F964" t="s">
        <v>194</v>
      </c>
      <c r="G964">
        <v>1</v>
      </c>
      <c r="H964">
        <v>250</v>
      </c>
      <c r="I964">
        <v>1</v>
      </c>
      <c r="J964">
        <v>0</v>
      </c>
      <c r="K964">
        <v>916555</v>
      </c>
      <c r="L964">
        <v>916556</v>
      </c>
      <c r="M964">
        <v>84</v>
      </c>
      <c r="N964" t="s">
        <v>79</v>
      </c>
      <c r="O964" s="1">
        <v>43618.058333333334</v>
      </c>
      <c r="P964" s="1">
        <v>43618.06527777778</v>
      </c>
    </row>
    <row r="965" spans="1:16" x14ac:dyDescent="0.4">
      <c r="A965">
        <v>4426</v>
      </c>
      <c r="B965">
        <v>236975</v>
      </c>
      <c r="C965" s="1">
        <v>44129</v>
      </c>
      <c r="D965">
        <v>280</v>
      </c>
      <c r="E965">
        <v>1266</v>
      </c>
      <c r="F965" t="s">
        <v>162</v>
      </c>
      <c r="G965">
        <v>2</v>
      </c>
      <c r="H965">
        <v>540</v>
      </c>
      <c r="I965">
        <v>2</v>
      </c>
      <c r="J965">
        <v>0</v>
      </c>
      <c r="K965">
        <v>1026724</v>
      </c>
      <c r="L965">
        <v>1026725</v>
      </c>
      <c r="M965">
        <v>107</v>
      </c>
      <c r="N965" t="s">
        <v>172</v>
      </c>
      <c r="O965" s="1">
        <v>44129.601388888892</v>
      </c>
      <c r="P965" s="1">
        <v>44129.604861111111</v>
      </c>
    </row>
    <row r="966" spans="1:16" x14ac:dyDescent="0.4">
      <c r="A966">
        <v>4427</v>
      </c>
      <c r="B966">
        <v>237332</v>
      </c>
      <c r="C966" s="1">
        <v>44137</v>
      </c>
      <c r="D966">
        <v>125</v>
      </c>
      <c r="E966">
        <v>126</v>
      </c>
      <c r="F966" t="s">
        <v>159</v>
      </c>
      <c r="G966">
        <v>1</v>
      </c>
      <c r="H966">
        <v>280</v>
      </c>
      <c r="I966">
        <v>1</v>
      </c>
      <c r="J966">
        <v>0</v>
      </c>
      <c r="K966">
        <v>1028033</v>
      </c>
      <c r="L966">
        <v>1028034</v>
      </c>
      <c r="M966">
        <v>107</v>
      </c>
      <c r="N966" t="s">
        <v>172</v>
      </c>
      <c r="O966" s="1">
        <v>44137.963888888888</v>
      </c>
      <c r="P966" s="1">
        <v>44137.964583333334</v>
      </c>
    </row>
    <row r="967" spans="1:16" x14ac:dyDescent="0.4">
      <c r="A967">
        <v>4428</v>
      </c>
      <c r="B967">
        <v>237487</v>
      </c>
      <c r="C967" s="1">
        <v>44141</v>
      </c>
      <c r="D967">
        <v>205</v>
      </c>
      <c r="E967">
        <v>400</v>
      </c>
      <c r="F967" t="s">
        <v>196</v>
      </c>
      <c r="G967">
        <v>12</v>
      </c>
      <c r="H967">
        <v>320</v>
      </c>
      <c r="I967">
        <v>1</v>
      </c>
      <c r="J967">
        <v>0</v>
      </c>
      <c r="K967">
        <v>1028554</v>
      </c>
      <c r="L967">
        <v>1028555</v>
      </c>
      <c r="M967">
        <v>108</v>
      </c>
      <c r="N967" t="s">
        <v>40</v>
      </c>
      <c r="O967" s="1">
        <v>44141.898611111108</v>
      </c>
      <c r="P967" s="1">
        <v>44141.898611111108</v>
      </c>
    </row>
    <row r="968" spans="1:16" x14ac:dyDescent="0.4">
      <c r="A968">
        <v>4429</v>
      </c>
      <c r="B968">
        <v>237552</v>
      </c>
      <c r="C968" s="1">
        <v>44142</v>
      </c>
      <c r="D968">
        <v>349</v>
      </c>
      <c r="E968">
        <v>902</v>
      </c>
      <c r="F968" t="s">
        <v>173</v>
      </c>
      <c r="G968">
        <v>20</v>
      </c>
      <c r="H968">
        <v>0</v>
      </c>
      <c r="I968">
        <v>1</v>
      </c>
      <c r="J968">
        <v>0</v>
      </c>
      <c r="K968">
        <v>1028855</v>
      </c>
      <c r="L968">
        <v>1028856</v>
      </c>
      <c r="M968">
        <v>98</v>
      </c>
      <c r="N968" t="s">
        <v>155</v>
      </c>
      <c r="O968" s="1">
        <v>44142.787499999999</v>
      </c>
      <c r="P968" s="1">
        <v>44142.793055555558</v>
      </c>
    </row>
    <row r="969" spans="1:16" x14ac:dyDescent="0.4">
      <c r="A969">
        <v>4430</v>
      </c>
      <c r="B969">
        <v>237552</v>
      </c>
      <c r="C969" s="1">
        <v>44142</v>
      </c>
      <c r="D969">
        <v>186</v>
      </c>
      <c r="E969">
        <v>225</v>
      </c>
      <c r="F969" t="s">
        <v>212</v>
      </c>
      <c r="G969">
        <v>20</v>
      </c>
      <c r="H969">
        <v>350</v>
      </c>
      <c r="I969">
        <v>1</v>
      </c>
      <c r="J969">
        <v>0</v>
      </c>
      <c r="K969">
        <v>1028857</v>
      </c>
      <c r="L969">
        <v>1028858</v>
      </c>
      <c r="M969">
        <v>98</v>
      </c>
      <c r="N969" t="s">
        <v>155</v>
      </c>
      <c r="O969" s="1">
        <v>44142.787499999999</v>
      </c>
      <c r="P969" s="1">
        <v>44142.793055555558</v>
      </c>
    </row>
    <row r="970" spans="1:16" x14ac:dyDescent="0.4">
      <c r="A970">
        <v>4432</v>
      </c>
      <c r="B970">
        <v>237707</v>
      </c>
      <c r="C970" s="1">
        <v>44145</v>
      </c>
      <c r="D970">
        <v>57</v>
      </c>
      <c r="E970">
        <v>30</v>
      </c>
      <c r="F970" t="s">
        <v>213</v>
      </c>
      <c r="G970">
        <v>8</v>
      </c>
      <c r="H970">
        <v>0</v>
      </c>
      <c r="I970">
        <v>5</v>
      </c>
      <c r="J970">
        <v>2</v>
      </c>
      <c r="K970">
        <v>1029451</v>
      </c>
      <c r="L970">
        <v>1029452</v>
      </c>
      <c r="M970">
        <v>70</v>
      </c>
      <c r="N970" t="s">
        <v>203</v>
      </c>
      <c r="O970" s="1">
        <v>44145.884027777778</v>
      </c>
      <c r="P970" s="1">
        <v>44145.884027777778</v>
      </c>
    </row>
    <row r="971" spans="1:16" x14ac:dyDescent="0.4">
      <c r="A971">
        <v>4433</v>
      </c>
      <c r="B971">
        <v>238263</v>
      </c>
      <c r="C971" s="1">
        <v>44158</v>
      </c>
      <c r="D971">
        <v>186</v>
      </c>
      <c r="E971">
        <v>225</v>
      </c>
      <c r="F971" t="s">
        <v>212</v>
      </c>
      <c r="G971">
        <v>2</v>
      </c>
      <c r="H971">
        <v>350</v>
      </c>
      <c r="I971">
        <v>1</v>
      </c>
      <c r="J971">
        <v>0</v>
      </c>
      <c r="K971">
        <v>1031505</v>
      </c>
      <c r="L971">
        <v>1031506</v>
      </c>
      <c r="M971">
        <v>107</v>
      </c>
      <c r="N971" t="s">
        <v>172</v>
      </c>
      <c r="O971" s="1">
        <v>44158.854861111111</v>
      </c>
      <c r="P971" s="1">
        <v>44158.854861111111</v>
      </c>
    </row>
    <row r="972" spans="1:16" x14ac:dyDescent="0.4">
      <c r="A972">
        <v>4434</v>
      </c>
      <c r="B972">
        <v>238263</v>
      </c>
      <c r="C972" s="1">
        <v>44158</v>
      </c>
      <c r="D972">
        <v>249</v>
      </c>
      <c r="E972">
        <v>241</v>
      </c>
      <c r="F972" t="s">
        <v>140</v>
      </c>
      <c r="G972">
        <v>2</v>
      </c>
      <c r="H972">
        <v>420</v>
      </c>
      <c r="I972">
        <v>1</v>
      </c>
      <c r="J972">
        <v>0</v>
      </c>
      <c r="K972">
        <v>1031507</v>
      </c>
      <c r="L972">
        <v>1031508</v>
      </c>
      <c r="M972">
        <v>107</v>
      </c>
      <c r="N972" t="s">
        <v>172</v>
      </c>
      <c r="O972" s="1">
        <v>44158.854861111111</v>
      </c>
      <c r="P972" s="1">
        <v>44158.854861111111</v>
      </c>
    </row>
    <row r="973" spans="1:16" x14ac:dyDescent="0.4">
      <c r="A973">
        <v>4435</v>
      </c>
      <c r="B973">
        <v>239014</v>
      </c>
      <c r="C973" s="1">
        <v>44176</v>
      </c>
      <c r="D973">
        <v>66</v>
      </c>
      <c r="E973">
        <v>39</v>
      </c>
      <c r="F973" t="s">
        <v>135</v>
      </c>
      <c r="G973">
        <v>17</v>
      </c>
      <c r="H973">
        <v>320</v>
      </c>
      <c r="I973">
        <v>1</v>
      </c>
      <c r="J973">
        <v>0</v>
      </c>
      <c r="K973">
        <v>1034190</v>
      </c>
      <c r="L973">
        <v>1034191</v>
      </c>
      <c r="M973">
        <v>98</v>
      </c>
      <c r="N973" t="s">
        <v>155</v>
      </c>
      <c r="O973" s="1">
        <v>44176.900694444441</v>
      </c>
      <c r="P973" s="1">
        <v>44176.932638888888</v>
      </c>
    </row>
    <row r="974" spans="1:16" x14ac:dyDescent="0.4">
      <c r="A974">
        <v>4436</v>
      </c>
      <c r="B974">
        <v>239014</v>
      </c>
      <c r="C974" s="1">
        <v>44176</v>
      </c>
      <c r="D974">
        <v>66</v>
      </c>
      <c r="E974">
        <v>39</v>
      </c>
      <c r="F974" t="s">
        <v>135</v>
      </c>
      <c r="G974">
        <v>17</v>
      </c>
      <c r="H974">
        <v>320</v>
      </c>
      <c r="I974">
        <v>1</v>
      </c>
      <c r="J974">
        <v>0</v>
      </c>
      <c r="K974">
        <v>1034192</v>
      </c>
      <c r="L974">
        <v>1034193</v>
      </c>
      <c r="M974">
        <v>98</v>
      </c>
      <c r="N974" t="s">
        <v>155</v>
      </c>
      <c r="O974" s="1">
        <v>44176.911111111112</v>
      </c>
      <c r="P974" s="1">
        <v>44176.932638888888</v>
      </c>
    </row>
    <row r="975" spans="1:16" x14ac:dyDescent="0.4">
      <c r="A975">
        <v>4437</v>
      </c>
      <c r="B975">
        <v>239014</v>
      </c>
      <c r="C975" s="1">
        <v>44176</v>
      </c>
      <c r="D975">
        <v>66</v>
      </c>
      <c r="E975">
        <v>39</v>
      </c>
      <c r="F975" t="s">
        <v>135</v>
      </c>
      <c r="G975">
        <v>17</v>
      </c>
      <c r="H975">
        <v>320</v>
      </c>
      <c r="I975">
        <v>1</v>
      </c>
      <c r="J975">
        <v>0</v>
      </c>
      <c r="K975">
        <v>1034194</v>
      </c>
      <c r="L975">
        <v>1034195</v>
      </c>
      <c r="M975">
        <v>98</v>
      </c>
      <c r="N975" t="s">
        <v>155</v>
      </c>
      <c r="O975" s="1">
        <v>44176.922222222223</v>
      </c>
      <c r="P975" s="1">
        <v>44176.932638888888</v>
      </c>
    </row>
    <row r="976" spans="1:16" x14ac:dyDescent="0.4">
      <c r="A976">
        <v>4438</v>
      </c>
      <c r="B976">
        <v>239096</v>
      </c>
      <c r="C976" s="1">
        <v>44177</v>
      </c>
      <c r="D976">
        <v>97</v>
      </c>
      <c r="E976">
        <v>21</v>
      </c>
      <c r="F976" t="s">
        <v>214</v>
      </c>
      <c r="G976">
        <v>4</v>
      </c>
      <c r="H976">
        <v>420</v>
      </c>
      <c r="I976">
        <v>1</v>
      </c>
      <c r="J976">
        <v>0</v>
      </c>
      <c r="K976">
        <v>1034589</v>
      </c>
      <c r="L976">
        <v>1034590</v>
      </c>
      <c r="M976">
        <v>108</v>
      </c>
      <c r="N976" t="s">
        <v>40</v>
      </c>
      <c r="O976" s="1">
        <v>44177.984722222223</v>
      </c>
      <c r="P976" s="1">
        <v>44178.106249999997</v>
      </c>
    </row>
    <row r="977" spans="1:16" x14ac:dyDescent="0.4">
      <c r="A977">
        <v>4439</v>
      </c>
      <c r="B977">
        <v>239364</v>
      </c>
      <c r="C977" s="1">
        <v>44184</v>
      </c>
      <c r="D977">
        <v>97</v>
      </c>
      <c r="E977">
        <v>21</v>
      </c>
      <c r="F977" t="s">
        <v>214</v>
      </c>
      <c r="G977">
        <v>1</v>
      </c>
      <c r="H977">
        <v>420</v>
      </c>
      <c r="I977">
        <v>1</v>
      </c>
      <c r="J977">
        <v>0</v>
      </c>
      <c r="K977">
        <v>1035615</v>
      </c>
      <c r="L977">
        <v>1035616</v>
      </c>
      <c r="M977">
        <v>85</v>
      </c>
      <c r="N977" t="s">
        <v>15</v>
      </c>
      <c r="O977" s="1">
        <v>44184.991666666669</v>
      </c>
      <c r="P977" s="1">
        <v>44185.042361111111</v>
      </c>
    </row>
    <row r="978" spans="1:16" x14ac:dyDescent="0.4">
      <c r="A978">
        <v>4440</v>
      </c>
      <c r="B978">
        <v>239364</v>
      </c>
      <c r="C978" s="1">
        <v>44184</v>
      </c>
      <c r="D978">
        <v>97</v>
      </c>
      <c r="E978">
        <v>21</v>
      </c>
      <c r="F978" t="s">
        <v>214</v>
      </c>
      <c r="G978">
        <v>1</v>
      </c>
      <c r="H978">
        <v>420</v>
      </c>
      <c r="I978">
        <v>1</v>
      </c>
      <c r="J978">
        <v>0</v>
      </c>
      <c r="K978">
        <v>1035617</v>
      </c>
      <c r="L978">
        <v>1035618</v>
      </c>
      <c r="M978">
        <v>85</v>
      </c>
      <c r="N978" t="s">
        <v>15</v>
      </c>
      <c r="O978" s="1">
        <v>44185.041666666664</v>
      </c>
      <c r="P978" s="1">
        <v>44185.042361111111</v>
      </c>
    </row>
    <row r="979" spans="1:16" x14ac:dyDescent="0.4">
      <c r="A979">
        <v>4441</v>
      </c>
      <c r="B979">
        <v>239405</v>
      </c>
      <c r="C979" s="1">
        <v>44185</v>
      </c>
      <c r="D979">
        <v>66</v>
      </c>
      <c r="E979">
        <v>39</v>
      </c>
      <c r="F979" t="s">
        <v>135</v>
      </c>
      <c r="G979">
        <v>9</v>
      </c>
      <c r="H979">
        <v>320</v>
      </c>
      <c r="I979">
        <v>4</v>
      </c>
      <c r="J979">
        <v>2</v>
      </c>
      <c r="K979">
        <v>1035738</v>
      </c>
      <c r="L979">
        <v>1035739</v>
      </c>
      <c r="M979">
        <v>95</v>
      </c>
      <c r="N979" t="s">
        <v>68</v>
      </c>
      <c r="O979" s="1">
        <v>44185.727083333331</v>
      </c>
      <c r="P979" s="1">
        <v>44185.734027777777</v>
      </c>
    </row>
    <row r="980" spans="1:16" x14ac:dyDescent="0.4">
      <c r="A980">
        <v>4442</v>
      </c>
      <c r="B980">
        <v>239405</v>
      </c>
      <c r="C980" s="1">
        <v>44185</v>
      </c>
      <c r="D980">
        <v>66</v>
      </c>
      <c r="E980">
        <v>39</v>
      </c>
      <c r="F980" t="s">
        <v>135</v>
      </c>
      <c r="G980">
        <v>9</v>
      </c>
      <c r="H980">
        <v>320</v>
      </c>
      <c r="I980">
        <v>2</v>
      </c>
      <c r="J980">
        <v>0</v>
      </c>
      <c r="K980">
        <v>1035740</v>
      </c>
      <c r="L980">
        <v>1035741</v>
      </c>
      <c r="M980">
        <v>95</v>
      </c>
      <c r="N980" t="s">
        <v>68</v>
      </c>
      <c r="O980" s="1">
        <v>44185.727083333331</v>
      </c>
      <c r="P980" s="1">
        <v>44185.734722222223</v>
      </c>
    </row>
    <row r="981" spans="1:16" x14ac:dyDescent="0.4">
      <c r="A981">
        <v>4443</v>
      </c>
      <c r="B981">
        <v>239667</v>
      </c>
      <c r="C981" s="1">
        <v>44191</v>
      </c>
      <c r="D981">
        <v>125</v>
      </c>
      <c r="E981">
        <v>126</v>
      </c>
      <c r="F981" t="s">
        <v>159</v>
      </c>
      <c r="G981">
        <v>8</v>
      </c>
      <c r="H981">
        <v>280</v>
      </c>
      <c r="I981">
        <v>1</v>
      </c>
      <c r="J981">
        <v>0</v>
      </c>
      <c r="K981">
        <v>1036678</v>
      </c>
      <c r="L981">
        <v>1036679</v>
      </c>
      <c r="M981">
        <v>98</v>
      </c>
      <c r="N981" t="s">
        <v>155</v>
      </c>
      <c r="O981" s="1">
        <v>44191.922222222223</v>
      </c>
      <c r="P981" s="1">
        <v>44191.923611111109</v>
      </c>
    </row>
    <row r="982" spans="1:16" x14ac:dyDescent="0.4">
      <c r="A982">
        <v>3282</v>
      </c>
      <c r="B982">
        <v>148280</v>
      </c>
      <c r="C982" s="1">
        <v>42741</v>
      </c>
      <c r="D982">
        <v>58</v>
      </c>
      <c r="E982">
        <v>31</v>
      </c>
      <c r="F982" t="s">
        <v>29</v>
      </c>
      <c r="G982">
        <v>2</v>
      </c>
      <c r="H982">
        <v>320</v>
      </c>
      <c r="I982">
        <v>1</v>
      </c>
      <c r="J982">
        <v>0</v>
      </c>
      <c r="K982">
        <v>655657</v>
      </c>
      <c r="L982">
        <v>655658</v>
      </c>
      <c r="M982">
        <v>29</v>
      </c>
      <c r="O982" s="1">
        <v>42742.065972222219</v>
      </c>
      <c r="P982" s="1">
        <v>42742.100694444445</v>
      </c>
    </row>
    <row r="983" spans="1:16" x14ac:dyDescent="0.4">
      <c r="A983">
        <v>3283</v>
      </c>
      <c r="B983">
        <v>148278</v>
      </c>
      <c r="C983" s="1">
        <v>42741</v>
      </c>
      <c r="D983">
        <v>202</v>
      </c>
      <c r="E983">
        <v>6550</v>
      </c>
      <c r="F983" t="s">
        <v>72</v>
      </c>
      <c r="G983">
        <v>1</v>
      </c>
      <c r="H983">
        <v>320</v>
      </c>
      <c r="I983">
        <v>1</v>
      </c>
      <c r="J983">
        <v>0</v>
      </c>
      <c r="K983">
        <v>655663</v>
      </c>
      <c r="L983">
        <v>655664</v>
      </c>
      <c r="M983">
        <v>29</v>
      </c>
      <c r="O983" s="1">
        <v>42742.127083333333</v>
      </c>
      <c r="P983" s="1">
        <v>42742.127083333333</v>
      </c>
    </row>
    <row r="984" spans="1:16" x14ac:dyDescent="0.4">
      <c r="A984">
        <v>3366</v>
      </c>
      <c r="B984">
        <v>153653</v>
      </c>
      <c r="C984" s="1">
        <v>42818</v>
      </c>
      <c r="D984">
        <v>145</v>
      </c>
      <c r="E984">
        <v>132</v>
      </c>
      <c r="F984" t="s">
        <v>74</v>
      </c>
      <c r="G984">
        <v>20</v>
      </c>
      <c r="H984">
        <v>300</v>
      </c>
      <c r="I984">
        <v>1</v>
      </c>
      <c r="J984">
        <v>0</v>
      </c>
      <c r="K984">
        <v>679710</v>
      </c>
      <c r="L984">
        <v>679711</v>
      </c>
      <c r="M984">
        <v>91</v>
      </c>
      <c r="N984" t="s">
        <v>24</v>
      </c>
      <c r="O984" s="1">
        <v>42819.204861111109</v>
      </c>
      <c r="P984" s="1">
        <v>42819.204861111109</v>
      </c>
    </row>
    <row r="985" spans="1:16" x14ac:dyDescent="0.4">
      <c r="A985">
        <v>3373</v>
      </c>
      <c r="B985">
        <v>153952</v>
      </c>
      <c r="C985" s="1">
        <v>42822</v>
      </c>
      <c r="D985">
        <v>86</v>
      </c>
      <c r="E985">
        <v>67</v>
      </c>
      <c r="F985" t="s">
        <v>93</v>
      </c>
      <c r="G985">
        <v>3</v>
      </c>
      <c r="H985">
        <v>400</v>
      </c>
      <c r="I985">
        <v>1</v>
      </c>
      <c r="J985">
        <v>0</v>
      </c>
      <c r="K985">
        <v>681017</v>
      </c>
      <c r="L985">
        <v>681018</v>
      </c>
      <c r="M985">
        <v>29</v>
      </c>
      <c r="O985" s="1">
        <v>42822.884027777778</v>
      </c>
      <c r="P985" s="1">
        <v>42822.936111111114</v>
      </c>
    </row>
    <row r="986" spans="1:16" x14ac:dyDescent="0.4">
      <c r="A986">
        <v>3374</v>
      </c>
      <c r="B986">
        <v>153952</v>
      </c>
      <c r="C986" s="1">
        <v>42822</v>
      </c>
      <c r="D986">
        <v>186</v>
      </c>
      <c r="E986">
        <v>225</v>
      </c>
      <c r="F986" t="s">
        <v>34</v>
      </c>
      <c r="G986">
        <v>3</v>
      </c>
      <c r="H986">
        <v>350</v>
      </c>
      <c r="I986">
        <v>1</v>
      </c>
      <c r="J986">
        <v>0</v>
      </c>
      <c r="K986">
        <v>681019</v>
      </c>
      <c r="L986">
        <v>681020</v>
      </c>
      <c r="M986">
        <v>29</v>
      </c>
      <c r="O986" s="1">
        <v>42822.905555555553</v>
      </c>
      <c r="P986" s="1">
        <v>42822.936111111114</v>
      </c>
    </row>
    <row r="987" spans="1:16" x14ac:dyDescent="0.4">
      <c r="A987">
        <v>3378</v>
      </c>
      <c r="B987">
        <v>154196</v>
      </c>
      <c r="C987" s="1">
        <v>42825</v>
      </c>
      <c r="D987">
        <v>123</v>
      </c>
      <c r="E987">
        <v>137</v>
      </c>
      <c r="F987" t="s">
        <v>39</v>
      </c>
      <c r="G987">
        <v>11</v>
      </c>
      <c r="H987">
        <v>380</v>
      </c>
      <c r="I987">
        <v>1</v>
      </c>
      <c r="J987">
        <v>0</v>
      </c>
      <c r="K987">
        <v>682044</v>
      </c>
      <c r="L987">
        <v>682045</v>
      </c>
      <c r="M987">
        <v>94</v>
      </c>
      <c r="N987" t="s">
        <v>40</v>
      </c>
      <c r="O987" s="1">
        <v>42825.924305555556</v>
      </c>
      <c r="P987" s="1">
        <v>42825.932638888888</v>
      </c>
    </row>
    <row r="988" spans="1:16" x14ac:dyDescent="0.4">
      <c r="A988">
        <v>3380</v>
      </c>
      <c r="B988">
        <v>154317</v>
      </c>
      <c r="C988" s="1">
        <v>42826</v>
      </c>
      <c r="D988">
        <v>16</v>
      </c>
      <c r="E988">
        <v>120</v>
      </c>
      <c r="F988" t="s">
        <v>58</v>
      </c>
      <c r="G988">
        <v>14</v>
      </c>
      <c r="H988">
        <v>450</v>
      </c>
      <c r="I988">
        <v>1</v>
      </c>
      <c r="J988">
        <v>0</v>
      </c>
      <c r="K988">
        <v>682715</v>
      </c>
      <c r="L988">
        <v>682716</v>
      </c>
      <c r="M988">
        <v>94</v>
      </c>
      <c r="N988" t="s">
        <v>40</v>
      </c>
      <c r="O988" s="1">
        <v>42827.11041666667</v>
      </c>
      <c r="P988" s="1">
        <v>42827.113888888889</v>
      </c>
    </row>
    <row r="989" spans="1:16" x14ac:dyDescent="0.4">
      <c r="A989">
        <v>3383</v>
      </c>
      <c r="B989">
        <v>154518</v>
      </c>
      <c r="C989" s="1">
        <v>42829</v>
      </c>
      <c r="D989">
        <v>167</v>
      </c>
      <c r="E989">
        <v>305</v>
      </c>
      <c r="F989" t="s">
        <v>82</v>
      </c>
      <c r="G989">
        <v>13</v>
      </c>
      <c r="H989">
        <v>500</v>
      </c>
      <c r="I989">
        <v>1</v>
      </c>
      <c r="J989">
        <v>0</v>
      </c>
      <c r="K989">
        <v>683583</v>
      </c>
      <c r="L989">
        <v>683584</v>
      </c>
      <c r="M989">
        <v>93</v>
      </c>
      <c r="N989" t="s">
        <v>15</v>
      </c>
      <c r="O989" s="1">
        <v>42829.856249999997</v>
      </c>
      <c r="P989" s="1">
        <v>42829.879861111112</v>
      </c>
    </row>
    <row r="990" spans="1:16" x14ac:dyDescent="0.4">
      <c r="A990">
        <v>3384</v>
      </c>
      <c r="B990">
        <v>154518</v>
      </c>
      <c r="C990" s="1">
        <v>42829</v>
      </c>
      <c r="D990">
        <v>169</v>
      </c>
      <c r="E990">
        <v>304</v>
      </c>
      <c r="F990" t="s">
        <v>132</v>
      </c>
      <c r="G990">
        <v>13</v>
      </c>
      <c r="H990">
        <v>450</v>
      </c>
      <c r="I990">
        <v>1</v>
      </c>
      <c r="J990">
        <v>0</v>
      </c>
      <c r="K990">
        <v>683585</v>
      </c>
      <c r="L990">
        <v>683586</v>
      </c>
      <c r="M990">
        <v>93</v>
      </c>
      <c r="N990" t="s">
        <v>15</v>
      </c>
      <c r="O990" s="1">
        <v>42829.856249999997</v>
      </c>
      <c r="P990" s="1">
        <v>42829.879861111112</v>
      </c>
    </row>
    <row r="991" spans="1:16" x14ac:dyDescent="0.4">
      <c r="A991">
        <v>3520</v>
      </c>
      <c r="B991">
        <v>159989</v>
      </c>
      <c r="C991" s="1">
        <v>42910</v>
      </c>
      <c r="D991">
        <v>153</v>
      </c>
      <c r="E991">
        <v>151</v>
      </c>
      <c r="F991" t="s">
        <v>108</v>
      </c>
      <c r="G991">
        <v>15</v>
      </c>
      <c r="H991">
        <v>420</v>
      </c>
      <c r="I991">
        <v>2</v>
      </c>
      <c r="J991">
        <v>0</v>
      </c>
      <c r="K991">
        <v>708398</v>
      </c>
      <c r="L991">
        <v>708399</v>
      </c>
      <c r="M991">
        <v>91</v>
      </c>
      <c r="N991" t="s">
        <v>24</v>
      </c>
      <c r="O991" s="1">
        <v>42911.022916666669</v>
      </c>
      <c r="P991" s="1">
        <v>42911.088888888888</v>
      </c>
    </row>
    <row r="992" spans="1:16" x14ac:dyDescent="0.4">
      <c r="A992">
        <v>3522</v>
      </c>
      <c r="B992">
        <v>160021</v>
      </c>
      <c r="C992" s="1">
        <v>42911</v>
      </c>
      <c r="D992">
        <v>165</v>
      </c>
      <c r="E992">
        <v>323</v>
      </c>
      <c r="F992" t="s">
        <v>28</v>
      </c>
      <c r="G992">
        <v>5</v>
      </c>
      <c r="H992">
        <v>450</v>
      </c>
      <c r="I992">
        <v>1</v>
      </c>
      <c r="J992">
        <v>0</v>
      </c>
      <c r="K992">
        <v>708548</v>
      </c>
      <c r="L992">
        <v>708549</v>
      </c>
      <c r="M992">
        <v>100</v>
      </c>
      <c r="N992" t="s">
        <v>1</v>
      </c>
      <c r="O992" s="1">
        <v>42911.548611111109</v>
      </c>
      <c r="P992" s="1">
        <v>42911.581250000003</v>
      </c>
    </row>
    <row r="993" spans="1:16" x14ac:dyDescent="0.4">
      <c r="A993">
        <v>3527</v>
      </c>
      <c r="B993">
        <v>160197</v>
      </c>
      <c r="C993" s="1">
        <v>42913</v>
      </c>
      <c r="D993">
        <v>149</v>
      </c>
      <c r="E993">
        <v>121</v>
      </c>
      <c r="F993" t="s">
        <v>52</v>
      </c>
      <c r="G993">
        <v>6</v>
      </c>
      <c r="H993">
        <v>450</v>
      </c>
      <c r="I993">
        <v>1</v>
      </c>
      <c r="J993">
        <v>0</v>
      </c>
      <c r="K993">
        <v>709350</v>
      </c>
      <c r="L993">
        <v>709351</v>
      </c>
      <c r="M993">
        <v>1</v>
      </c>
      <c r="N993" t="s">
        <v>45</v>
      </c>
      <c r="O993" s="1">
        <v>42914.116666666669</v>
      </c>
      <c r="P993" s="1">
        <v>42914.122916666667</v>
      </c>
    </row>
    <row r="994" spans="1:16" x14ac:dyDescent="0.4">
      <c r="A994">
        <v>3529</v>
      </c>
      <c r="B994">
        <v>160247</v>
      </c>
      <c r="C994" s="1">
        <v>42914</v>
      </c>
      <c r="D994">
        <v>323</v>
      </c>
      <c r="E994">
        <v>49</v>
      </c>
      <c r="F994" t="s">
        <v>67</v>
      </c>
      <c r="G994">
        <v>4</v>
      </c>
      <c r="H994">
        <v>480</v>
      </c>
      <c r="I994">
        <v>1</v>
      </c>
      <c r="J994">
        <v>0</v>
      </c>
      <c r="K994">
        <v>709530</v>
      </c>
      <c r="L994">
        <v>709531</v>
      </c>
      <c r="M994">
        <v>89</v>
      </c>
      <c r="N994" t="s">
        <v>44</v>
      </c>
      <c r="O994" s="1">
        <v>42914.850694444445</v>
      </c>
      <c r="P994" s="1">
        <v>42914.867361111108</v>
      </c>
    </row>
    <row r="995" spans="1:16" x14ac:dyDescent="0.4">
      <c r="A995">
        <v>3530</v>
      </c>
      <c r="B995">
        <v>160247</v>
      </c>
      <c r="C995" s="1">
        <v>42914</v>
      </c>
      <c r="D995">
        <v>57</v>
      </c>
      <c r="E995">
        <v>30</v>
      </c>
      <c r="F995" t="s">
        <v>60</v>
      </c>
      <c r="G995">
        <v>4</v>
      </c>
      <c r="H995">
        <v>320</v>
      </c>
      <c r="I995">
        <v>1</v>
      </c>
      <c r="J995">
        <v>0</v>
      </c>
      <c r="K995">
        <v>709532</v>
      </c>
      <c r="L995">
        <v>709533</v>
      </c>
      <c r="M995">
        <v>89</v>
      </c>
      <c r="N995" t="s">
        <v>44</v>
      </c>
      <c r="O995" s="1">
        <v>42914.863194444442</v>
      </c>
      <c r="P995" s="1">
        <v>42914.867361111108</v>
      </c>
    </row>
    <row r="996" spans="1:16" x14ac:dyDescent="0.4">
      <c r="A996">
        <v>3531</v>
      </c>
      <c r="B996">
        <v>160247</v>
      </c>
      <c r="C996" s="1">
        <v>42914</v>
      </c>
      <c r="D996">
        <v>61</v>
      </c>
      <c r="E996">
        <v>34</v>
      </c>
      <c r="F996" t="s">
        <v>115</v>
      </c>
      <c r="G996">
        <v>4</v>
      </c>
      <c r="H996">
        <v>320</v>
      </c>
      <c r="I996">
        <v>1</v>
      </c>
      <c r="J996">
        <v>0</v>
      </c>
      <c r="K996">
        <v>709534</v>
      </c>
      <c r="L996">
        <v>709535</v>
      </c>
      <c r="M996">
        <v>89</v>
      </c>
      <c r="N996" t="s">
        <v>44</v>
      </c>
      <c r="O996" s="1">
        <v>42914.863194444442</v>
      </c>
      <c r="P996" s="1">
        <v>42914.867361111108</v>
      </c>
    </row>
    <row r="997" spans="1:16" x14ac:dyDescent="0.4">
      <c r="A997">
        <v>3536</v>
      </c>
      <c r="B997">
        <v>160493</v>
      </c>
      <c r="C997" s="1">
        <v>42917</v>
      </c>
      <c r="D997">
        <v>60</v>
      </c>
      <c r="E997">
        <v>33</v>
      </c>
      <c r="F997" t="s">
        <v>86</v>
      </c>
      <c r="G997">
        <v>10</v>
      </c>
      <c r="H997">
        <v>320</v>
      </c>
      <c r="I997">
        <v>2</v>
      </c>
      <c r="J997">
        <v>0</v>
      </c>
      <c r="K997">
        <v>710683</v>
      </c>
      <c r="L997">
        <v>710684</v>
      </c>
      <c r="M997">
        <v>1</v>
      </c>
      <c r="N997" t="s">
        <v>45</v>
      </c>
      <c r="O997" s="1">
        <v>42918.036111111112</v>
      </c>
      <c r="P997" s="1">
        <v>42918.035416666666</v>
      </c>
    </row>
    <row r="998" spans="1:16" x14ac:dyDescent="0.4">
      <c r="A998">
        <v>3546</v>
      </c>
      <c r="B998">
        <v>161498</v>
      </c>
      <c r="C998" s="1">
        <v>42932</v>
      </c>
      <c r="D998">
        <v>76</v>
      </c>
      <c r="E998">
        <v>51</v>
      </c>
      <c r="F998" t="s">
        <v>33</v>
      </c>
      <c r="G998">
        <v>14</v>
      </c>
      <c r="H998">
        <v>400</v>
      </c>
      <c r="I998">
        <v>1</v>
      </c>
      <c r="J998">
        <v>0</v>
      </c>
      <c r="K998">
        <v>715058</v>
      </c>
      <c r="L998">
        <v>715059</v>
      </c>
      <c r="M998">
        <v>84</v>
      </c>
      <c r="N998" t="s">
        <v>79</v>
      </c>
      <c r="O998" s="1">
        <v>42932.831944444442</v>
      </c>
      <c r="P998" s="1">
        <v>42932.865277777775</v>
      </c>
    </row>
    <row r="999" spans="1:16" x14ac:dyDescent="0.4">
      <c r="A999">
        <v>3547</v>
      </c>
      <c r="B999">
        <v>161498</v>
      </c>
      <c r="C999" s="1">
        <v>42932</v>
      </c>
      <c r="D999">
        <v>76</v>
      </c>
      <c r="E999">
        <v>51</v>
      </c>
      <c r="F999" t="s">
        <v>33</v>
      </c>
      <c r="G999">
        <v>14</v>
      </c>
      <c r="H999">
        <v>400</v>
      </c>
      <c r="I999">
        <v>1</v>
      </c>
      <c r="J999">
        <v>0</v>
      </c>
      <c r="K999">
        <v>715060</v>
      </c>
      <c r="L999">
        <v>715061</v>
      </c>
      <c r="M999">
        <v>84</v>
      </c>
      <c r="N999" t="s">
        <v>79</v>
      </c>
      <c r="O999" s="1">
        <v>42932.851388888892</v>
      </c>
      <c r="P999" s="1">
        <v>42932.865277777775</v>
      </c>
    </row>
    <row r="1000" spans="1:16" x14ac:dyDescent="0.4">
      <c r="A1000">
        <v>3548</v>
      </c>
      <c r="B1000">
        <v>161526</v>
      </c>
      <c r="C1000" s="1">
        <v>42932</v>
      </c>
      <c r="D1000">
        <v>71</v>
      </c>
      <c r="E1000">
        <v>52</v>
      </c>
      <c r="F1000" t="s">
        <v>23</v>
      </c>
      <c r="G1000">
        <v>5</v>
      </c>
      <c r="H1000">
        <v>0</v>
      </c>
      <c r="I1000">
        <v>2</v>
      </c>
      <c r="J1000">
        <v>0</v>
      </c>
      <c r="K1000">
        <v>715193</v>
      </c>
      <c r="L1000">
        <v>715194</v>
      </c>
      <c r="M1000">
        <v>1</v>
      </c>
      <c r="N1000" t="s">
        <v>45</v>
      </c>
      <c r="O1000" s="1">
        <v>42933.061111111114</v>
      </c>
      <c r="P1000" s="1">
        <v>42933.061111111114</v>
      </c>
    </row>
    <row r="1001" spans="1:16" x14ac:dyDescent="0.4">
      <c r="A1001">
        <v>3551</v>
      </c>
      <c r="B1001">
        <v>161644</v>
      </c>
      <c r="C1001" s="1">
        <v>42934</v>
      </c>
      <c r="D1001">
        <v>186</v>
      </c>
      <c r="E1001">
        <v>225</v>
      </c>
      <c r="F1001" t="s">
        <v>34</v>
      </c>
      <c r="G1001">
        <v>6</v>
      </c>
      <c r="H1001">
        <v>350</v>
      </c>
      <c r="I1001">
        <v>2</v>
      </c>
      <c r="J1001">
        <v>0</v>
      </c>
      <c r="K1001">
        <v>715662</v>
      </c>
      <c r="L1001">
        <v>715663</v>
      </c>
      <c r="M1001">
        <v>103</v>
      </c>
      <c r="N1001" t="s">
        <v>65</v>
      </c>
      <c r="O1001" s="1">
        <v>42934.830555555556</v>
      </c>
      <c r="P1001" s="1">
        <v>42934.874305555553</v>
      </c>
    </row>
    <row r="1002" spans="1:16" x14ac:dyDescent="0.4">
      <c r="A1002">
        <v>3552</v>
      </c>
      <c r="B1002">
        <v>161644</v>
      </c>
      <c r="C1002" s="1">
        <v>42934</v>
      </c>
      <c r="D1002">
        <v>186</v>
      </c>
      <c r="E1002">
        <v>225</v>
      </c>
      <c r="F1002" t="s">
        <v>34</v>
      </c>
      <c r="G1002">
        <v>6</v>
      </c>
      <c r="H1002">
        <v>350</v>
      </c>
      <c r="I1002">
        <v>2</v>
      </c>
      <c r="J1002">
        <v>0</v>
      </c>
      <c r="K1002">
        <v>715664</v>
      </c>
      <c r="L1002">
        <v>715665</v>
      </c>
      <c r="M1002">
        <v>103</v>
      </c>
      <c r="N1002" t="s">
        <v>65</v>
      </c>
      <c r="O1002" s="1">
        <v>42934.84097222222</v>
      </c>
      <c r="P1002" s="1">
        <v>42934.874305555553</v>
      </c>
    </row>
    <row r="1003" spans="1:16" x14ac:dyDescent="0.4">
      <c r="A1003">
        <v>3553</v>
      </c>
      <c r="B1003">
        <v>161644</v>
      </c>
      <c r="C1003" s="1">
        <v>42934</v>
      </c>
      <c r="D1003">
        <v>186</v>
      </c>
      <c r="E1003">
        <v>225</v>
      </c>
      <c r="F1003" t="s">
        <v>34</v>
      </c>
      <c r="G1003">
        <v>6</v>
      </c>
      <c r="H1003">
        <v>350</v>
      </c>
      <c r="I1003">
        <v>2</v>
      </c>
      <c r="J1003">
        <v>0</v>
      </c>
      <c r="K1003">
        <v>715666</v>
      </c>
      <c r="L1003">
        <v>715667</v>
      </c>
      <c r="M1003">
        <v>103</v>
      </c>
      <c r="N1003" t="s">
        <v>65</v>
      </c>
      <c r="O1003" s="1">
        <v>42934.852777777778</v>
      </c>
      <c r="P1003" s="1">
        <v>42934.874305555553</v>
      </c>
    </row>
    <row r="1004" spans="1:16" x14ac:dyDescent="0.4">
      <c r="A1004">
        <v>3554</v>
      </c>
      <c r="B1004">
        <v>161648</v>
      </c>
      <c r="C1004" s="1">
        <v>42934</v>
      </c>
      <c r="D1004">
        <v>213</v>
      </c>
      <c r="E1004">
        <v>211</v>
      </c>
      <c r="F1004" t="s">
        <v>46</v>
      </c>
      <c r="G1004">
        <v>2</v>
      </c>
      <c r="H1004">
        <v>0</v>
      </c>
      <c r="I1004">
        <v>2</v>
      </c>
      <c r="J1004">
        <v>0</v>
      </c>
      <c r="K1004">
        <v>715670</v>
      </c>
      <c r="L1004">
        <v>715671</v>
      </c>
      <c r="M1004">
        <v>1</v>
      </c>
      <c r="N1004" t="s">
        <v>45</v>
      </c>
      <c r="O1004" s="1">
        <v>42934.867361111108</v>
      </c>
      <c r="P1004" s="1">
        <v>42934.878472222219</v>
      </c>
    </row>
    <row r="1005" spans="1:16" x14ac:dyDescent="0.4">
      <c r="A1005">
        <v>3556</v>
      </c>
      <c r="B1005">
        <v>161705</v>
      </c>
      <c r="C1005" s="1">
        <v>42935</v>
      </c>
      <c r="D1005">
        <v>326</v>
      </c>
      <c r="E1005">
        <v>1231</v>
      </c>
      <c r="F1005" t="s">
        <v>215</v>
      </c>
      <c r="G1005">
        <v>6</v>
      </c>
      <c r="H1005">
        <v>520</v>
      </c>
      <c r="I1005">
        <v>1</v>
      </c>
      <c r="J1005">
        <v>0</v>
      </c>
      <c r="K1005">
        <v>715910</v>
      </c>
      <c r="L1005">
        <v>715911</v>
      </c>
      <c r="M1005">
        <v>91</v>
      </c>
      <c r="N1005" t="s">
        <v>24</v>
      </c>
      <c r="O1005" s="1">
        <v>42935.85</v>
      </c>
      <c r="P1005" s="1">
        <v>42935.859027777777</v>
      </c>
    </row>
    <row r="1006" spans="1:16" x14ac:dyDescent="0.4">
      <c r="A1006">
        <v>3558</v>
      </c>
      <c r="B1006">
        <v>161799</v>
      </c>
      <c r="C1006" s="1">
        <v>42936</v>
      </c>
      <c r="D1006">
        <v>57</v>
      </c>
      <c r="E1006">
        <v>30</v>
      </c>
      <c r="F1006" t="s">
        <v>60</v>
      </c>
      <c r="G1006">
        <v>20</v>
      </c>
      <c r="H1006">
        <v>320</v>
      </c>
      <c r="I1006">
        <v>1</v>
      </c>
      <c r="J1006">
        <v>0</v>
      </c>
      <c r="K1006">
        <v>716335</v>
      </c>
      <c r="L1006">
        <v>716336</v>
      </c>
      <c r="M1006">
        <v>91</v>
      </c>
      <c r="N1006" t="s">
        <v>24</v>
      </c>
      <c r="O1006" s="1">
        <v>42937.168055555558</v>
      </c>
      <c r="P1006" s="1">
        <v>42937.182638888888</v>
      </c>
    </row>
    <row r="1007" spans="1:16" x14ac:dyDescent="0.4">
      <c r="A1007">
        <v>3562</v>
      </c>
      <c r="B1007">
        <v>161900</v>
      </c>
      <c r="C1007" s="1">
        <v>42937</v>
      </c>
      <c r="D1007">
        <v>148</v>
      </c>
      <c r="E1007">
        <v>124</v>
      </c>
      <c r="F1007" t="s">
        <v>35</v>
      </c>
      <c r="G1007">
        <v>3</v>
      </c>
      <c r="H1007">
        <v>450</v>
      </c>
      <c r="I1007">
        <v>1</v>
      </c>
      <c r="J1007">
        <v>0</v>
      </c>
      <c r="K1007">
        <v>716824</v>
      </c>
      <c r="L1007">
        <v>716825</v>
      </c>
      <c r="M1007">
        <v>100</v>
      </c>
      <c r="N1007" t="s">
        <v>1</v>
      </c>
      <c r="O1007" s="1">
        <v>42938.204861111109</v>
      </c>
      <c r="P1007" s="1">
        <v>42938.226388888892</v>
      </c>
    </row>
    <row r="1008" spans="1:16" x14ac:dyDescent="0.4">
      <c r="A1008">
        <v>3720</v>
      </c>
      <c r="B1008">
        <v>172352</v>
      </c>
      <c r="C1008" s="1">
        <v>43085</v>
      </c>
      <c r="D1008">
        <v>148</v>
      </c>
      <c r="E1008">
        <v>124</v>
      </c>
      <c r="F1008" t="s">
        <v>35</v>
      </c>
      <c r="G1008">
        <v>1</v>
      </c>
      <c r="H1008">
        <v>450</v>
      </c>
      <c r="I1008">
        <v>1</v>
      </c>
      <c r="J1008">
        <v>0</v>
      </c>
      <c r="K1008">
        <v>763430</v>
      </c>
      <c r="L1008">
        <v>763431</v>
      </c>
      <c r="M1008">
        <v>108</v>
      </c>
      <c r="N1008" t="s">
        <v>40</v>
      </c>
      <c r="O1008" s="1">
        <v>43085.909722222219</v>
      </c>
      <c r="P1008" s="1">
        <v>43085.910416666666</v>
      </c>
    </row>
    <row r="1009" spans="1:16" x14ac:dyDescent="0.4">
      <c r="A1009">
        <v>3721</v>
      </c>
      <c r="B1009">
        <v>172352</v>
      </c>
      <c r="C1009" s="1">
        <v>43085</v>
      </c>
      <c r="D1009">
        <v>148</v>
      </c>
      <c r="E1009">
        <v>124</v>
      </c>
      <c r="F1009" t="s">
        <v>35</v>
      </c>
      <c r="G1009">
        <v>1</v>
      </c>
      <c r="H1009">
        <v>450</v>
      </c>
      <c r="I1009">
        <v>1</v>
      </c>
      <c r="J1009">
        <v>0</v>
      </c>
      <c r="K1009">
        <v>763432</v>
      </c>
      <c r="L1009">
        <v>763433</v>
      </c>
      <c r="M1009">
        <v>108</v>
      </c>
      <c r="N1009" t="s">
        <v>40</v>
      </c>
      <c r="O1009" s="1">
        <v>43085.909722222219</v>
      </c>
      <c r="P1009" s="1">
        <v>43085.911111111112</v>
      </c>
    </row>
    <row r="1010" spans="1:16" x14ac:dyDescent="0.4">
      <c r="A1010">
        <v>3723</v>
      </c>
      <c r="B1010">
        <v>172379</v>
      </c>
      <c r="C1010" s="1">
        <v>43085</v>
      </c>
      <c r="D1010">
        <v>164</v>
      </c>
      <c r="E1010">
        <v>106</v>
      </c>
      <c r="F1010" t="s">
        <v>127</v>
      </c>
      <c r="G1010">
        <v>11</v>
      </c>
      <c r="H1010">
        <v>550</v>
      </c>
      <c r="I1010">
        <v>1</v>
      </c>
      <c r="J1010">
        <v>0</v>
      </c>
      <c r="K1010">
        <v>763638</v>
      </c>
      <c r="L1010">
        <v>763639</v>
      </c>
      <c r="M1010">
        <v>108</v>
      </c>
      <c r="N1010" t="s">
        <v>40</v>
      </c>
      <c r="O1010" s="1">
        <v>43086.111111111109</v>
      </c>
      <c r="P1010" s="1">
        <v>43086.134722222225</v>
      </c>
    </row>
    <row r="1011" spans="1:16" x14ac:dyDescent="0.4">
      <c r="A1011">
        <v>3725</v>
      </c>
      <c r="B1011">
        <v>172450</v>
      </c>
      <c r="C1011" s="1">
        <v>43086</v>
      </c>
      <c r="D1011">
        <v>182</v>
      </c>
      <c r="E1011">
        <v>143</v>
      </c>
      <c r="F1011" t="s">
        <v>151</v>
      </c>
      <c r="G1011">
        <v>7</v>
      </c>
      <c r="H1011">
        <v>380</v>
      </c>
      <c r="I1011">
        <v>1</v>
      </c>
      <c r="J1011">
        <v>0</v>
      </c>
      <c r="K1011">
        <v>763871</v>
      </c>
      <c r="L1011">
        <v>763872</v>
      </c>
      <c r="M1011">
        <v>108</v>
      </c>
      <c r="N1011" t="s">
        <v>40</v>
      </c>
      <c r="O1011" s="1">
        <v>43086.888194444444</v>
      </c>
      <c r="P1011" s="1">
        <v>43086.89166666667</v>
      </c>
    </row>
    <row r="1012" spans="1:16" x14ac:dyDescent="0.4">
      <c r="A1012">
        <v>3731</v>
      </c>
      <c r="B1012">
        <v>173131</v>
      </c>
      <c r="C1012" s="1">
        <v>43095</v>
      </c>
      <c r="D1012">
        <v>153</v>
      </c>
      <c r="E1012">
        <v>151</v>
      </c>
      <c r="F1012" t="s">
        <v>108</v>
      </c>
      <c r="G1012">
        <v>13</v>
      </c>
      <c r="H1012">
        <v>420</v>
      </c>
      <c r="I1012">
        <v>1</v>
      </c>
      <c r="J1012">
        <v>0</v>
      </c>
      <c r="K1012">
        <v>766826</v>
      </c>
      <c r="L1012">
        <v>766827</v>
      </c>
      <c r="M1012">
        <v>29</v>
      </c>
      <c r="N1012" t="s">
        <v>97</v>
      </c>
      <c r="O1012" s="1">
        <v>43095.969444444447</v>
      </c>
      <c r="P1012" s="1">
        <v>43095.977083333331</v>
      </c>
    </row>
    <row r="1013" spans="1:16" x14ac:dyDescent="0.4">
      <c r="A1013">
        <v>3732</v>
      </c>
      <c r="B1013">
        <v>173131</v>
      </c>
      <c r="C1013" s="1">
        <v>43095</v>
      </c>
      <c r="D1013">
        <v>300</v>
      </c>
      <c r="E1013">
        <v>1433</v>
      </c>
      <c r="F1013" t="s">
        <v>129</v>
      </c>
      <c r="G1013">
        <v>13</v>
      </c>
      <c r="H1013">
        <v>380</v>
      </c>
      <c r="I1013">
        <v>1</v>
      </c>
      <c r="J1013">
        <v>0</v>
      </c>
      <c r="K1013">
        <v>766828</v>
      </c>
      <c r="L1013">
        <v>766829</v>
      </c>
      <c r="M1013">
        <v>29</v>
      </c>
      <c r="N1013" t="s">
        <v>97</v>
      </c>
      <c r="O1013" s="1">
        <v>43095.969444444447</v>
      </c>
      <c r="P1013" s="1">
        <v>43095.977083333331</v>
      </c>
    </row>
    <row r="1014" spans="1:16" x14ac:dyDescent="0.4">
      <c r="A1014">
        <v>3733</v>
      </c>
      <c r="B1014">
        <v>173131</v>
      </c>
      <c r="C1014" s="1">
        <v>43095</v>
      </c>
      <c r="D1014">
        <v>144</v>
      </c>
      <c r="E1014">
        <v>130</v>
      </c>
      <c r="F1014" t="s">
        <v>42</v>
      </c>
      <c r="G1014">
        <v>13</v>
      </c>
      <c r="H1014">
        <v>200</v>
      </c>
      <c r="I1014">
        <v>1</v>
      </c>
      <c r="J1014">
        <v>0</v>
      </c>
      <c r="K1014">
        <v>766830</v>
      </c>
      <c r="L1014">
        <v>766831</v>
      </c>
      <c r="M1014">
        <v>29</v>
      </c>
      <c r="N1014" t="s">
        <v>97</v>
      </c>
      <c r="O1014" s="1">
        <v>43095.969444444447</v>
      </c>
      <c r="P1014" s="1">
        <v>43095.977083333331</v>
      </c>
    </row>
    <row r="1015" spans="1:16" x14ac:dyDescent="0.4">
      <c r="A1015">
        <v>3734</v>
      </c>
      <c r="B1015">
        <v>173128</v>
      </c>
      <c r="C1015" s="1">
        <v>43095</v>
      </c>
      <c r="D1015">
        <v>218</v>
      </c>
      <c r="E1015">
        <v>293</v>
      </c>
      <c r="F1015" t="s">
        <v>143</v>
      </c>
      <c r="G1015">
        <v>11</v>
      </c>
      <c r="H1015">
        <v>380</v>
      </c>
      <c r="I1015">
        <v>1</v>
      </c>
      <c r="J1015">
        <v>0</v>
      </c>
      <c r="K1015">
        <v>766847</v>
      </c>
      <c r="L1015">
        <v>766848</v>
      </c>
      <c r="M1015">
        <v>29</v>
      </c>
      <c r="N1015" t="s">
        <v>97</v>
      </c>
      <c r="O1015" s="1">
        <v>43095.96875</v>
      </c>
      <c r="P1015" s="1">
        <v>43095.989583333336</v>
      </c>
    </row>
    <row r="1016" spans="1:16" x14ac:dyDescent="0.4">
      <c r="A1016">
        <v>3735</v>
      </c>
      <c r="B1016">
        <v>173128</v>
      </c>
      <c r="C1016" s="1">
        <v>43095</v>
      </c>
      <c r="D1016">
        <v>300</v>
      </c>
      <c r="E1016">
        <v>1433</v>
      </c>
      <c r="F1016" t="s">
        <v>129</v>
      </c>
      <c r="G1016">
        <v>11</v>
      </c>
      <c r="H1016">
        <v>380</v>
      </c>
      <c r="I1016">
        <v>1</v>
      </c>
      <c r="J1016">
        <v>0</v>
      </c>
      <c r="K1016">
        <v>766849</v>
      </c>
      <c r="L1016">
        <v>766850</v>
      </c>
      <c r="M1016">
        <v>29</v>
      </c>
      <c r="N1016" t="s">
        <v>97</v>
      </c>
      <c r="O1016" s="1">
        <v>43095.96875</v>
      </c>
      <c r="P1016" s="1">
        <v>43095.989583333336</v>
      </c>
    </row>
    <row r="1017" spans="1:16" x14ac:dyDescent="0.4">
      <c r="A1017">
        <v>3736</v>
      </c>
      <c r="B1017">
        <v>173128</v>
      </c>
      <c r="C1017" s="1">
        <v>43095</v>
      </c>
      <c r="D1017">
        <v>182</v>
      </c>
      <c r="E1017">
        <v>143</v>
      </c>
      <c r="F1017" t="s">
        <v>151</v>
      </c>
      <c r="G1017">
        <v>11</v>
      </c>
      <c r="H1017">
        <v>380</v>
      </c>
      <c r="I1017">
        <v>1</v>
      </c>
      <c r="J1017">
        <v>0</v>
      </c>
      <c r="K1017">
        <v>766851</v>
      </c>
      <c r="L1017">
        <v>766852</v>
      </c>
      <c r="M1017">
        <v>29</v>
      </c>
      <c r="N1017" t="s">
        <v>97</v>
      </c>
      <c r="O1017" s="1">
        <v>43095.96875</v>
      </c>
      <c r="P1017" s="1">
        <v>43095.989583333336</v>
      </c>
    </row>
    <row r="1018" spans="1:16" x14ac:dyDescent="0.4">
      <c r="A1018">
        <v>3738</v>
      </c>
      <c r="B1018">
        <v>173178</v>
      </c>
      <c r="C1018" s="1">
        <v>43096</v>
      </c>
      <c r="D1018">
        <v>9</v>
      </c>
      <c r="E1018">
        <v>101</v>
      </c>
      <c r="F1018" t="s">
        <v>54</v>
      </c>
      <c r="G1018">
        <v>1</v>
      </c>
      <c r="H1018">
        <v>420</v>
      </c>
      <c r="I1018">
        <v>1</v>
      </c>
      <c r="J1018">
        <v>0</v>
      </c>
      <c r="K1018">
        <v>767035</v>
      </c>
      <c r="L1018">
        <v>767036</v>
      </c>
      <c r="M1018">
        <v>106</v>
      </c>
      <c r="N1018" t="s">
        <v>99</v>
      </c>
      <c r="O1018" s="1">
        <v>43096.765277777777</v>
      </c>
      <c r="P1018" s="1">
        <v>43096.773611111108</v>
      </c>
    </row>
    <row r="1019" spans="1:16" x14ac:dyDescent="0.4">
      <c r="A1019">
        <v>3739</v>
      </c>
      <c r="B1019">
        <v>173178</v>
      </c>
      <c r="C1019" s="1">
        <v>43096</v>
      </c>
      <c r="D1019">
        <v>9</v>
      </c>
      <c r="E1019">
        <v>101</v>
      </c>
      <c r="F1019" t="s">
        <v>54</v>
      </c>
      <c r="G1019">
        <v>1</v>
      </c>
      <c r="H1019">
        <v>420</v>
      </c>
      <c r="I1019">
        <v>1</v>
      </c>
      <c r="J1019">
        <v>0</v>
      </c>
      <c r="K1019">
        <v>767037</v>
      </c>
      <c r="L1019">
        <v>767038</v>
      </c>
      <c r="M1019">
        <v>106</v>
      </c>
      <c r="N1019" t="s">
        <v>99</v>
      </c>
      <c r="O1019" s="1">
        <v>43096.765277777777</v>
      </c>
      <c r="P1019" s="1">
        <v>43096.773611111108</v>
      </c>
    </row>
    <row r="1020" spans="1:16" x14ac:dyDescent="0.4">
      <c r="A1020">
        <v>3740</v>
      </c>
      <c r="B1020">
        <v>173212</v>
      </c>
      <c r="C1020" s="1">
        <v>43096</v>
      </c>
      <c r="D1020">
        <v>141</v>
      </c>
      <c r="E1020">
        <v>301</v>
      </c>
      <c r="F1020" t="s">
        <v>216</v>
      </c>
      <c r="G1020">
        <v>11</v>
      </c>
      <c r="H1020">
        <v>450</v>
      </c>
      <c r="I1020">
        <v>1</v>
      </c>
      <c r="J1020">
        <v>0</v>
      </c>
      <c r="K1020">
        <v>767218</v>
      </c>
      <c r="L1020">
        <v>767219</v>
      </c>
      <c r="M1020">
        <v>102</v>
      </c>
      <c r="N1020" t="s">
        <v>27</v>
      </c>
      <c r="O1020" s="1">
        <v>43096.986805555556</v>
      </c>
      <c r="P1020" s="1">
        <v>43096.992361111108</v>
      </c>
    </row>
    <row r="1021" spans="1:16" x14ac:dyDescent="0.4">
      <c r="A1021">
        <v>3744</v>
      </c>
      <c r="B1021">
        <v>173322</v>
      </c>
      <c r="C1021" s="1">
        <v>43097</v>
      </c>
      <c r="D1021">
        <v>63</v>
      </c>
      <c r="E1021">
        <v>36</v>
      </c>
      <c r="F1021" t="s">
        <v>161</v>
      </c>
      <c r="G1021">
        <v>16</v>
      </c>
      <c r="H1021">
        <v>320</v>
      </c>
      <c r="I1021">
        <v>2</v>
      </c>
      <c r="J1021">
        <v>0</v>
      </c>
      <c r="K1021">
        <v>767744</v>
      </c>
      <c r="L1021">
        <v>767745</v>
      </c>
      <c r="M1021">
        <v>108</v>
      </c>
      <c r="N1021" t="s">
        <v>40</v>
      </c>
      <c r="O1021" s="1">
        <v>43098.084722222222</v>
      </c>
      <c r="P1021" s="1">
        <v>43098.084722222222</v>
      </c>
    </row>
    <row r="1022" spans="1:16" x14ac:dyDescent="0.4">
      <c r="A1022">
        <v>3747</v>
      </c>
      <c r="B1022">
        <v>173520</v>
      </c>
      <c r="C1022" s="1">
        <v>43099</v>
      </c>
      <c r="D1022">
        <v>145</v>
      </c>
      <c r="E1022">
        <v>132</v>
      </c>
      <c r="F1022" t="s">
        <v>74</v>
      </c>
      <c r="G1022">
        <v>17</v>
      </c>
      <c r="H1022">
        <v>300</v>
      </c>
      <c r="I1022">
        <v>1</v>
      </c>
      <c r="J1022">
        <v>0</v>
      </c>
      <c r="K1022">
        <v>768807</v>
      </c>
      <c r="L1022">
        <v>768808</v>
      </c>
      <c r="M1022">
        <v>108</v>
      </c>
      <c r="N1022" t="s">
        <v>40</v>
      </c>
      <c r="O1022" s="1">
        <v>43100.157638888886</v>
      </c>
      <c r="P1022" s="1">
        <v>43100.157638888886</v>
      </c>
    </row>
    <row r="1023" spans="1:16" x14ac:dyDescent="0.4">
      <c r="A1023">
        <v>4085</v>
      </c>
      <c r="B1023">
        <v>209379</v>
      </c>
      <c r="C1023" s="1">
        <v>43630</v>
      </c>
      <c r="D1023">
        <v>122</v>
      </c>
      <c r="E1023">
        <v>142</v>
      </c>
      <c r="F1023" t="s">
        <v>25</v>
      </c>
      <c r="G1023">
        <v>17</v>
      </c>
      <c r="H1023">
        <v>350</v>
      </c>
      <c r="I1023">
        <v>1</v>
      </c>
      <c r="J1023">
        <v>0</v>
      </c>
      <c r="K1023">
        <v>919551</v>
      </c>
      <c r="L1023">
        <v>919552</v>
      </c>
      <c r="M1023">
        <v>101</v>
      </c>
      <c r="N1023" t="s">
        <v>97</v>
      </c>
      <c r="O1023" s="1">
        <v>43630.92291666667</v>
      </c>
      <c r="P1023" s="1">
        <v>43630.93472222222</v>
      </c>
    </row>
    <row r="1024" spans="1:16" x14ac:dyDescent="0.4">
      <c r="A1024">
        <v>4086</v>
      </c>
      <c r="B1024">
        <v>209379</v>
      </c>
      <c r="C1024" s="1">
        <v>43630</v>
      </c>
      <c r="D1024">
        <v>88</v>
      </c>
      <c r="E1024">
        <v>69</v>
      </c>
      <c r="F1024" t="s">
        <v>55</v>
      </c>
      <c r="G1024">
        <v>17</v>
      </c>
      <c r="H1024">
        <v>400</v>
      </c>
      <c r="I1024">
        <v>2</v>
      </c>
      <c r="J1024">
        <v>0</v>
      </c>
      <c r="K1024">
        <v>919554</v>
      </c>
      <c r="L1024">
        <v>919555</v>
      </c>
      <c r="M1024">
        <v>101</v>
      </c>
      <c r="N1024" t="s">
        <v>97</v>
      </c>
      <c r="O1024" s="1">
        <v>43630.92291666667</v>
      </c>
      <c r="P1024" s="1">
        <v>43630.93472222222</v>
      </c>
    </row>
    <row r="1025" spans="1:16" x14ac:dyDescent="0.4">
      <c r="A1025">
        <v>4087</v>
      </c>
      <c r="B1025">
        <v>209379</v>
      </c>
      <c r="C1025" s="1">
        <v>43630</v>
      </c>
      <c r="D1025">
        <v>75</v>
      </c>
      <c r="E1025">
        <v>56</v>
      </c>
      <c r="F1025" t="s">
        <v>49</v>
      </c>
      <c r="G1025">
        <v>17</v>
      </c>
      <c r="H1025">
        <v>400</v>
      </c>
      <c r="I1025">
        <v>2</v>
      </c>
      <c r="J1025">
        <v>0</v>
      </c>
      <c r="K1025">
        <v>919556</v>
      </c>
      <c r="L1025">
        <v>919557</v>
      </c>
      <c r="M1025">
        <v>101</v>
      </c>
      <c r="N1025" t="s">
        <v>97</v>
      </c>
      <c r="O1025" s="1">
        <v>43630.92291666667</v>
      </c>
      <c r="P1025" s="1">
        <v>43630.93472222222</v>
      </c>
    </row>
    <row r="1026" spans="1:16" x14ac:dyDescent="0.4">
      <c r="A1026">
        <v>4089</v>
      </c>
      <c r="B1026">
        <v>209505</v>
      </c>
      <c r="C1026" s="1">
        <v>43631</v>
      </c>
      <c r="D1026">
        <v>174</v>
      </c>
      <c r="E1026">
        <v>320</v>
      </c>
      <c r="F1026" t="s">
        <v>47</v>
      </c>
      <c r="G1026">
        <v>1</v>
      </c>
      <c r="H1026">
        <v>380</v>
      </c>
      <c r="I1026">
        <v>1</v>
      </c>
      <c r="J1026">
        <v>0</v>
      </c>
      <c r="K1026">
        <v>920095</v>
      </c>
      <c r="L1026">
        <v>920096</v>
      </c>
      <c r="M1026">
        <v>84</v>
      </c>
      <c r="N1026" t="s">
        <v>79</v>
      </c>
      <c r="O1026" s="1">
        <v>43632.126388888886</v>
      </c>
      <c r="P1026" s="1">
        <v>43632.218055555553</v>
      </c>
    </row>
    <row r="1027" spans="1:16" x14ac:dyDescent="0.4">
      <c r="A1027">
        <v>4183</v>
      </c>
      <c r="B1027">
        <v>213026</v>
      </c>
      <c r="C1027" s="1">
        <v>43681</v>
      </c>
      <c r="D1027">
        <v>161</v>
      </c>
      <c r="E1027">
        <v>115</v>
      </c>
      <c r="F1027" t="s">
        <v>101</v>
      </c>
      <c r="G1027">
        <v>8</v>
      </c>
      <c r="H1027">
        <v>550</v>
      </c>
      <c r="I1027">
        <v>1</v>
      </c>
      <c r="J1027">
        <v>0</v>
      </c>
      <c r="K1027">
        <v>934352</v>
      </c>
      <c r="L1027">
        <v>934353</v>
      </c>
      <c r="M1027">
        <v>99</v>
      </c>
      <c r="N1027" t="s">
        <v>43</v>
      </c>
      <c r="O1027" s="1">
        <v>43682.03402777778</v>
      </c>
      <c r="P1027" s="1">
        <v>43682.035416666666</v>
      </c>
    </row>
    <row r="1028" spans="1:16" x14ac:dyDescent="0.4">
      <c r="A1028">
        <v>4445</v>
      </c>
      <c r="B1028">
        <v>239735</v>
      </c>
      <c r="C1028" s="1">
        <v>44192</v>
      </c>
      <c r="D1028">
        <v>97</v>
      </c>
      <c r="E1028">
        <v>21</v>
      </c>
      <c r="F1028" t="s">
        <v>214</v>
      </c>
      <c r="G1028">
        <v>3</v>
      </c>
      <c r="H1028">
        <v>420</v>
      </c>
      <c r="I1028">
        <v>1</v>
      </c>
      <c r="J1028">
        <v>0</v>
      </c>
      <c r="K1028">
        <v>1036966</v>
      </c>
      <c r="L1028">
        <v>1036967</v>
      </c>
      <c r="M1028">
        <v>108</v>
      </c>
      <c r="N1028" t="s">
        <v>40</v>
      </c>
      <c r="O1028" s="1">
        <v>44193.030555555553</v>
      </c>
      <c r="P1028" s="1">
        <v>44193.030555555553</v>
      </c>
    </row>
    <row r="1029" spans="1:16" x14ac:dyDescent="0.4">
      <c r="A1029">
        <v>4446</v>
      </c>
      <c r="B1029">
        <v>239918</v>
      </c>
      <c r="C1029" s="1">
        <v>44195</v>
      </c>
      <c r="D1029">
        <v>186</v>
      </c>
      <c r="E1029">
        <v>225</v>
      </c>
      <c r="F1029" t="s">
        <v>212</v>
      </c>
      <c r="G1029">
        <v>10</v>
      </c>
      <c r="H1029">
        <v>350</v>
      </c>
      <c r="I1029">
        <v>1</v>
      </c>
      <c r="J1029">
        <v>0</v>
      </c>
      <c r="K1029">
        <v>1037669</v>
      </c>
      <c r="L1029">
        <v>1037670</v>
      </c>
      <c r="M1029">
        <v>108</v>
      </c>
      <c r="N1029" t="s">
        <v>40</v>
      </c>
      <c r="O1029" s="1">
        <v>44195.925694444442</v>
      </c>
      <c r="P1029" s="1">
        <v>44195.927777777775</v>
      </c>
    </row>
    <row r="1030" spans="1:16" x14ac:dyDescent="0.4">
      <c r="A1030">
        <v>4447</v>
      </c>
      <c r="B1030">
        <v>239918</v>
      </c>
      <c r="C1030" s="1">
        <v>44195</v>
      </c>
      <c r="D1030">
        <v>188</v>
      </c>
      <c r="E1030">
        <v>227</v>
      </c>
      <c r="F1030" t="s">
        <v>217</v>
      </c>
      <c r="G1030">
        <v>10</v>
      </c>
      <c r="H1030">
        <v>350</v>
      </c>
      <c r="I1030">
        <v>3</v>
      </c>
      <c r="J1030">
        <v>0</v>
      </c>
      <c r="K1030">
        <v>1037671</v>
      </c>
      <c r="L1030">
        <v>1037672</v>
      </c>
      <c r="M1030">
        <v>108</v>
      </c>
      <c r="N1030" t="s">
        <v>40</v>
      </c>
      <c r="O1030" s="1">
        <v>44195.925694444442</v>
      </c>
      <c r="P1030" s="1">
        <v>44195.927777777775</v>
      </c>
    </row>
    <row r="1031" spans="1:16" x14ac:dyDescent="0.4">
      <c r="A1031">
        <v>3287</v>
      </c>
      <c r="B1031">
        <v>148770</v>
      </c>
      <c r="C1031" s="1">
        <v>42749</v>
      </c>
      <c r="D1031">
        <v>142</v>
      </c>
      <c r="E1031">
        <v>125</v>
      </c>
      <c r="F1031" t="s">
        <v>31</v>
      </c>
      <c r="G1031">
        <v>11</v>
      </c>
      <c r="H1031">
        <v>350</v>
      </c>
      <c r="I1031">
        <v>1</v>
      </c>
      <c r="J1031">
        <v>0</v>
      </c>
      <c r="K1031">
        <v>657899</v>
      </c>
      <c r="L1031">
        <v>657900</v>
      </c>
      <c r="M1031">
        <v>1</v>
      </c>
      <c r="N1031" t="s">
        <v>12</v>
      </c>
      <c r="O1031" s="1">
        <v>42749.775694444441</v>
      </c>
      <c r="P1031" s="1">
        <v>42749.902083333334</v>
      </c>
    </row>
    <row r="1032" spans="1:16" x14ac:dyDescent="0.4">
      <c r="A1032">
        <v>3289</v>
      </c>
      <c r="B1032">
        <v>148803</v>
      </c>
      <c r="C1032" s="1">
        <v>42749</v>
      </c>
      <c r="D1032">
        <v>84</v>
      </c>
      <c r="E1032">
        <v>65</v>
      </c>
      <c r="F1032" t="s">
        <v>71</v>
      </c>
      <c r="G1032">
        <v>8</v>
      </c>
      <c r="H1032">
        <v>400</v>
      </c>
      <c r="I1032">
        <v>1</v>
      </c>
      <c r="J1032">
        <v>0</v>
      </c>
      <c r="K1032">
        <v>658087</v>
      </c>
      <c r="L1032">
        <v>658088</v>
      </c>
      <c r="M1032">
        <v>1</v>
      </c>
      <c r="N1032" t="s">
        <v>12</v>
      </c>
      <c r="O1032" s="1">
        <v>42750.070138888892</v>
      </c>
      <c r="P1032" s="1">
        <v>42750.149305555555</v>
      </c>
    </row>
    <row r="1033" spans="1:16" x14ac:dyDescent="0.4">
      <c r="A1033">
        <v>3290</v>
      </c>
      <c r="B1033">
        <v>148803</v>
      </c>
      <c r="C1033" s="1">
        <v>42749</v>
      </c>
      <c r="D1033">
        <v>84</v>
      </c>
      <c r="E1033">
        <v>65</v>
      </c>
      <c r="F1033" t="s">
        <v>71</v>
      </c>
      <c r="G1033">
        <v>8</v>
      </c>
      <c r="H1033">
        <v>400</v>
      </c>
      <c r="I1033">
        <v>1</v>
      </c>
      <c r="J1033">
        <v>0</v>
      </c>
      <c r="K1033">
        <v>658089</v>
      </c>
      <c r="L1033">
        <v>658090</v>
      </c>
      <c r="M1033">
        <v>1</v>
      </c>
      <c r="N1033" t="s">
        <v>12</v>
      </c>
      <c r="O1033" s="1">
        <v>42750.086805555555</v>
      </c>
      <c r="P1033" s="1">
        <v>42750.149305555555</v>
      </c>
    </row>
    <row r="1034" spans="1:16" x14ac:dyDescent="0.4">
      <c r="A1034">
        <v>3359</v>
      </c>
      <c r="B1034">
        <v>153415</v>
      </c>
      <c r="C1034" s="1">
        <v>42815</v>
      </c>
      <c r="D1034">
        <v>274</v>
      </c>
      <c r="E1034">
        <v>46</v>
      </c>
      <c r="F1034" t="s">
        <v>75</v>
      </c>
      <c r="G1034">
        <v>2</v>
      </c>
      <c r="H1034">
        <v>480</v>
      </c>
      <c r="I1034">
        <v>2</v>
      </c>
      <c r="J1034">
        <v>0</v>
      </c>
      <c r="K1034">
        <v>678587</v>
      </c>
      <c r="L1034">
        <v>678588</v>
      </c>
      <c r="M1034">
        <v>90</v>
      </c>
      <c r="N1034" t="s">
        <v>9</v>
      </c>
      <c r="O1034" s="1">
        <v>42815.96875</v>
      </c>
      <c r="P1034" s="1">
        <v>42816.000694444447</v>
      </c>
    </row>
    <row r="1035" spans="1:16" x14ac:dyDescent="0.4">
      <c r="A1035">
        <v>3360</v>
      </c>
      <c r="B1035">
        <v>153415</v>
      </c>
      <c r="C1035" s="1">
        <v>42815</v>
      </c>
      <c r="D1035">
        <v>84</v>
      </c>
      <c r="E1035">
        <v>65</v>
      </c>
      <c r="F1035" t="s">
        <v>71</v>
      </c>
      <c r="G1035">
        <v>2</v>
      </c>
      <c r="H1035">
        <v>400</v>
      </c>
      <c r="I1035">
        <v>2</v>
      </c>
      <c r="J1035">
        <v>0</v>
      </c>
      <c r="K1035">
        <v>678589</v>
      </c>
      <c r="L1035">
        <v>678590</v>
      </c>
      <c r="M1035">
        <v>90</v>
      </c>
      <c r="N1035" t="s">
        <v>9</v>
      </c>
      <c r="O1035" s="1">
        <v>42815.999305555553</v>
      </c>
      <c r="P1035" s="1">
        <v>42816.000694444447</v>
      </c>
    </row>
    <row r="1036" spans="1:16" x14ac:dyDescent="0.4">
      <c r="A1036">
        <v>3361</v>
      </c>
      <c r="B1036">
        <v>153413</v>
      </c>
      <c r="C1036" s="1">
        <v>42815</v>
      </c>
      <c r="D1036">
        <v>125</v>
      </c>
      <c r="E1036">
        <v>126</v>
      </c>
      <c r="F1036" t="s">
        <v>8</v>
      </c>
      <c r="G1036">
        <v>4</v>
      </c>
      <c r="H1036">
        <v>380</v>
      </c>
      <c r="I1036">
        <v>1</v>
      </c>
      <c r="J1036">
        <v>0</v>
      </c>
      <c r="K1036">
        <v>678618</v>
      </c>
      <c r="L1036">
        <v>678619</v>
      </c>
      <c r="M1036">
        <v>1</v>
      </c>
      <c r="N1036" t="s">
        <v>12</v>
      </c>
      <c r="O1036" s="1">
        <v>42816.056944444441</v>
      </c>
      <c r="P1036" s="1">
        <v>42816.074999999997</v>
      </c>
    </row>
    <row r="1037" spans="1:16" x14ac:dyDescent="0.4">
      <c r="A1037">
        <v>3371</v>
      </c>
      <c r="B1037">
        <v>153824</v>
      </c>
      <c r="C1037" s="1">
        <v>42820</v>
      </c>
      <c r="D1037">
        <v>94</v>
      </c>
      <c r="E1037">
        <v>75</v>
      </c>
      <c r="F1037" t="s">
        <v>57</v>
      </c>
      <c r="G1037">
        <v>6</v>
      </c>
      <c r="H1037">
        <v>480</v>
      </c>
      <c r="I1037">
        <v>2</v>
      </c>
      <c r="J1037">
        <v>0</v>
      </c>
      <c r="K1037">
        <v>680501</v>
      </c>
      <c r="L1037">
        <v>680502</v>
      </c>
      <c r="M1037">
        <v>29</v>
      </c>
      <c r="O1037" s="1">
        <v>42821.052083333336</v>
      </c>
      <c r="P1037" s="1">
        <v>42821.052083333336</v>
      </c>
    </row>
    <row r="1038" spans="1:16" x14ac:dyDescent="0.4">
      <c r="A1038">
        <v>3412</v>
      </c>
      <c r="B1038">
        <v>155000</v>
      </c>
      <c r="C1038" s="1">
        <v>42836</v>
      </c>
      <c r="D1038">
        <v>186</v>
      </c>
      <c r="E1038">
        <v>225</v>
      </c>
      <c r="F1038" t="s">
        <v>34</v>
      </c>
      <c r="G1038">
        <v>7</v>
      </c>
      <c r="H1038">
        <v>350</v>
      </c>
      <c r="I1038">
        <v>1</v>
      </c>
      <c r="J1038">
        <v>0</v>
      </c>
      <c r="K1038">
        <v>685786</v>
      </c>
      <c r="L1038">
        <v>685787</v>
      </c>
      <c r="M1038">
        <v>99</v>
      </c>
      <c r="N1038" t="s">
        <v>43</v>
      </c>
      <c r="O1038" s="1">
        <v>42836.934027777781</v>
      </c>
      <c r="P1038" s="1">
        <v>42836.93472222222</v>
      </c>
    </row>
    <row r="1039" spans="1:16" x14ac:dyDescent="0.4">
      <c r="A1039">
        <v>3413</v>
      </c>
      <c r="B1039">
        <v>155005</v>
      </c>
      <c r="C1039" s="1">
        <v>42836</v>
      </c>
      <c r="D1039">
        <v>215</v>
      </c>
      <c r="E1039">
        <v>294</v>
      </c>
      <c r="F1039" t="s">
        <v>218</v>
      </c>
      <c r="G1039">
        <v>6</v>
      </c>
      <c r="H1039">
        <v>250</v>
      </c>
      <c r="I1039">
        <v>1</v>
      </c>
      <c r="J1039">
        <v>0</v>
      </c>
      <c r="K1039">
        <v>685838</v>
      </c>
      <c r="L1039">
        <v>685839</v>
      </c>
      <c r="M1039">
        <v>1</v>
      </c>
      <c r="N1039" t="s">
        <v>45</v>
      </c>
      <c r="O1039" s="1">
        <v>42837.072916666664</v>
      </c>
      <c r="P1039" s="1">
        <v>42837.076388888891</v>
      </c>
    </row>
    <row r="1040" spans="1:16" x14ac:dyDescent="0.4">
      <c r="A1040">
        <v>3414</v>
      </c>
      <c r="B1040">
        <v>155005</v>
      </c>
      <c r="C1040" s="1">
        <v>42836</v>
      </c>
      <c r="D1040">
        <v>217</v>
      </c>
      <c r="E1040">
        <v>296</v>
      </c>
      <c r="F1040" t="s">
        <v>37</v>
      </c>
      <c r="G1040">
        <v>6</v>
      </c>
      <c r="H1040">
        <v>250</v>
      </c>
      <c r="I1040">
        <v>1</v>
      </c>
      <c r="J1040">
        <v>0</v>
      </c>
      <c r="K1040">
        <v>685840</v>
      </c>
      <c r="L1040">
        <v>685841</v>
      </c>
      <c r="M1040">
        <v>1</v>
      </c>
      <c r="N1040" t="s">
        <v>45</v>
      </c>
      <c r="O1040" s="1">
        <v>42837.072916666664</v>
      </c>
      <c r="P1040" s="1">
        <v>42837.076388888891</v>
      </c>
    </row>
    <row r="1041" spans="1:16" x14ac:dyDescent="0.4">
      <c r="A1041">
        <v>3448</v>
      </c>
      <c r="B1041">
        <v>157552</v>
      </c>
      <c r="C1041" s="1">
        <v>42874</v>
      </c>
      <c r="D1041">
        <v>108</v>
      </c>
      <c r="E1041">
        <v>96</v>
      </c>
      <c r="F1041" t="s">
        <v>0</v>
      </c>
      <c r="G1041">
        <v>17</v>
      </c>
      <c r="H1041">
        <v>0</v>
      </c>
      <c r="I1041">
        <v>1</v>
      </c>
      <c r="J1041">
        <v>0</v>
      </c>
      <c r="K1041">
        <v>697294</v>
      </c>
      <c r="L1041">
        <v>697295</v>
      </c>
      <c r="M1041">
        <v>100</v>
      </c>
      <c r="N1041" t="s">
        <v>1</v>
      </c>
      <c r="O1041" s="1">
        <v>42874.881249999999</v>
      </c>
      <c r="P1041" s="1">
        <v>42874.881249999999</v>
      </c>
    </row>
    <row r="1042" spans="1:16" x14ac:dyDescent="0.4">
      <c r="A1042">
        <v>3481</v>
      </c>
      <c r="B1042">
        <v>158284</v>
      </c>
      <c r="C1042" s="1">
        <v>42884</v>
      </c>
      <c r="D1042">
        <v>213</v>
      </c>
      <c r="E1042">
        <v>211</v>
      </c>
      <c r="F1042" t="s">
        <v>46</v>
      </c>
      <c r="G1042">
        <v>16</v>
      </c>
      <c r="H1042">
        <v>0</v>
      </c>
      <c r="I1042">
        <v>1</v>
      </c>
      <c r="J1042">
        <v>0</v>
      </c>
      <c r="K1042">
        <v>700746</v>
      </c>
      <c r="L1042">
        <v>700747</v>
      </c>
      <c r="M1042">
        <v>104</v>
      </c>
      <c r="N1042" t="s">
        <v>48</v>
      </c>
      <c r="O1042" s="1">
        <v>42885.061805555553</v>
      </c>
      <c r="P1042" s="1">
        <v>42885.066666666666</v>
      </c>
    </row>
    <row r="1043" spans="1:16" x14ac:dyDescent="0.4">
      <c r="A1043">
        <v>3568</v>
      </c>
      <c r="B1043">
        <v>162266</v>
      </c>
      <c r="C1043" s="1">
        <v>42942</v>
      </c>
      <c r="D1043">
        <v>146</v>
      </c>
      <c r="E1043">
        <v>131</v>
      </c>
      <c r="F1043" t="s">
        <v>41</v>
      </c>
      <c r="G1043">
        <v>2</v>
      </c>
      <c r="H1043">
        <v>450</v>
      </c>
      <c r="I1043">
        <v>2</v>
      </c>
      <c r="J1043">
        <v>1</v>
      </c>
      <c r="K1043">
        <v>718474</v>
      </c>
      <c r="L1043">
        <v>718475</v>
      </c>
      <c r="M1043">
        <v>104</v>
      </c>
      <c r="N1043" t="s">
        <v>48</v>
      </c>
      <c r="O1043" s="1">
        <v>42943.158333333333</v>
      </c>
      <c r="P1043" s="1">
        <v>42943.185416666667</v>
      </c>
    </row>
    <row r="1044" spans="1:16" x14ac:dyDescent="0.4">
      <c r="A1044">
        <v>3569</v>
      </c>
      <c r="B1044">
        <v>162268</v>
      </c>
      <c r="C1044" s="1">
        <v>42942</v>
      </c>
      <c r="D1044">
        <v>57</v>
      </c>
      <c r="E1044">
        <v>30</v>
      </c>
      <c r="F1044" t="s">
        <v>60</v>
      </c>
      <c r="G1044">
        <v>6</v>
      </c>
      <c r="H1044">
        <v>320</v>
      </c>
      <c r="I1044">
        <v>1</v>
      </c>
      <c r="J1044">
        <v>0</v>
      </c>
      <c r="K1044">
        <v>718476</v>
      </c>
      <c r="L1044">
        <v>718477</v>
      </c>
      <c r="M1044">
        <v>104</v>
      </c>
      <c r="N1044" t="s">
        <v>48</v>
      </c>
      <c r="O1044" s="1">
        <v>42943.179861111108</v>
      </c>
      <c r="P1044" s="1">
        <v>42943.194444444445</v>
      </c>
    </row>
    <row r="1045" spans="1:16" x14ac:dyDescent="0.4">
      <c r="A1045">
        <v>3570</v>
      </c>
      <c r="B1045">
        <v>162268</v>
      </c>
      <c r="C1045" s="1">
        <v>42942</v>
      </c>
      <c r="D1045">
        <v>63</v>
      </c>
      <c r="E1045">
        <v>36</v>
      </c>
      <c r="F1045" t="s">
        <v>161</v>
      </c>
      <c r="G1045">
        <v>6</v>
      </c>
      <c r="H1045">
        <v>320</v>
      </c>
      <c r="I1045">
        <v>1</v>
      </c>
      <c r="J1045">
        <v>0</v>
      </c>
      <c r="K1045">
        <v>718478</v>
      </c>
      <c r="L1045">
        <v>718479</v>
      </c>
      <c r="M1045">
        <v>104</v>
      </c>
      <c r="N1045" t="s">
        <v>48</v>
      </c>
      <c r="O1045" s="1">
        <v>42943.179861111108</v>
      </c>
      <c r="P1045" s="1">
        <v>42943.194444444445</v>
      </c>
    </row>
    <row r="1046" spans="1:16" x14ac:dyDescent="0.4">
      <c r="A1046">
        <v>3571</v>
      </c>
      <c r="B1046">
        <v>162268</v>
      </c>
      <c r="C1046" s="1">
        <v>42942</v>
      </c>
      <c r="D1046">
        <v>57</v>
      </c>
      <c r="E1046">
        <v>30</v>
      </c>
      <c r="F1046" t="s">
        <v>60</v>
      </c>
      <c r="G1046">
        <v>6</v>
      </c>
      <c r="H1046">
        <v>320</v>
      </c>
      <c r="I1046">
        <v>2</v>
      </c>
      <c r="J1046">
        <v>0</v>
      </c>
      <c r="K1046">
        <v>718480</v>
      </c>
      <c r="L1046">
        <v>718481</v>
      </c>
      <c r="M1046">
        <v>104</v>
      </c>
      <c r="N1046" t="s">
        <v>48</v>
      </c>
      <c r="O1046" s="1">
        <v>42943.179861111108</v>
      </c>
      <c r="P1046" s="1">
        <v>42943.194444444445</v>
      </c>
    </row>
    <row r="1047" spans="1:16" x14ac:dyDescent="0.4">
      <c r="A1047">
        <v>3574</v>
      </c>
      <c r="B1047">
        <v>162373</v>
      </c>
      <c r="C1047" s="1">
        <v>42944</v>
      </c>
      <c r="D1047">
        <v>125</v>
      </c>
      <c r="E1047">
        <v>126</v>
      </c>
      <c r="F1047" t="s">
        <v>8</v>
      </c>
      <c r="G1047">
        <v>4</v>
      </c>
      <c r="H1047">
        <v>380</v>
      </c>
      <c r="I1047">
        <v>1</v>
      </c>
      <c r="J1047">
        <v>0</v>
      </c>
      <c r="K1047">
        <v>718842</v>
      </c>
      <c r="L1047">
        <v>718843</v>
      </c>
      <c r="M1047">
        <v>97</v>
      </c>
      <c r="N1047" t="s">
        <v>3</v>
      </c>
      <c r="O1047" s="1">
        <v>42944.761111111111</v>
      </c>
      <c r="P1047" s="1">
        <v>42944.761111111111</v>
      </c>
    </row>
    <row r="1048" spans="1:16" x14ac:dyDescent="0.4">
      <c r="A1048">
        <v>3575</v>
      </c>
      <c r="B1048">
        <v>162384</v>
      </c>
      <c r="C1048" s="1">
        <v>42944</v>
      </c>
      <c r="D1048">
        <v>139</v>
      </c>
      <c r="E1048">
        <v>134</v>
      </c>
      <c r="F1048" t="s">
        <v>177</v>
      </c>
      <c r="G1048">
        <v>8</v>
      </c>
      <c r="H1048">
        <v>1380</v>
      </c>
      <c r="I1048">
        <v>1</v>
      </c>
      <c r="J1048">
        <v>0</v>
      </c>
      <c r="K1048">
        <v>718923</v>
      </c>
      <c r="L1048">
        <v>718924</v>
      </c>
      <c r="M1048">
        <v>99</v>
      </c>
      <c r="N1048" t="s">
        <v>43</v>
      </c>
      <c r="O1048" s="1">
        <v>42944.887499999997</v>
      </c>
      <c r="P1048" s="1">
        <v>42944.888194444444</v>
      </c>
    </row>
    <row r="1049" spans="1:16" x14ac:dyDescent="0.4">
      <c r="A1049">
        <v>3577</v>
      </c>
      <c r="B1049">
        <v>162720</v>
      </c>
      <c r="C1049" s="1">
        <v>42948</v>
      </c>
      <c r="D1049">
        <v>142</v>
      </c>
      <c r="E1049">
        <v>125</v>
      </c>
      <c r="F1049" t="s">
        <v>31</v>
      </c>
      <c r="G1049">
        <v>8</v>
      </c>
      <c r="H1049">
        <v>350</v>
      </c>
      <c r="I1049">
        <v>1</v>
      </c>
      <c r="J1049">
        <v>0</v>
      </c>
      <c r="K1049">
        <v>720521</v>
      </c>
      <c r="L1049">
        <v>720522</v>
      </c>
      <c r="M1049">
        <v>16</v>
      </c>
      <c r="N1049" t="s">
        <v>64</v>
      </c>
      <c r="O1049" s="1">
        <v>42948.57708333333</v>
      </c>
      <c r="P1049" s="1">
        <v>42948.578472222223</v>
      </c>
    </row>
    <row r="1050" spans="1:16" x14ac:dyDescent="0.4">
      <c r="A1050">
        <v>3582</v>
      </c>
      <c r="B1050">
        <v>162891</v>
      </c>
      <c r="C1050" s="1">
        <v>42950</v>
      </c>
      <c r="D1050">
        <v>61</v>
      </c>
      <c r="E1050">
        <v>34</v>
      </c>
      <c r="F1050" t="s">
        <v>115</v>
      </c>
      <c r="G1050">
        <v>2</v>
      </c>
      <c r="H1050">
        <v>320</v>
      </c>
      <c r="I1050">
        <v>1</v>
      </c>
      <c r="J1050">
        <v>0</v>
      </c>
      <c r="K1050">
        <v>721222</v>
      </c>
      <c r="L1050">
        <v>721223</v>
      </c>
      <c r="M1050">
        <v>95</v>
      </c>
      <c r="N1050" t="s">
        <v>68</v>
      </c>
      <c r="O1050" s="1">
        <v>42950.995138888888</v>
      </c>
      <c r="P1050" s="1">
        <v>42951.018750000003</v>
      </c>
    </row>
    <row r="1051" spans="1:16" x14ac:dyDescent="0.4">
      <c r="A1051">
        <v>3583</v>
      </c>
      <c r="B1051">
        <v>162891</v>
      </c>
      <c r="C1051" s="1">
        <v>42950</v>
      </c>
      <c r="D1051">
        <v>73</v>
      </c>
      <c r="E1051">
        <v>54</v>
      </c>
      <c r="F1051" t="s">
        <v>36</v>
      </c>
      <c r="G1051">
        <v>2</v>
      </c>
      <c r="H1051">
        <v>400</v>
      </c>
      <c r="I1051">
        <v>1</v>
      </c>
      <c r="J1051">
        <v>0</v>
      </c>
      <c r="K1051">
        <v>721224</v>
      </c>
      <c r="L1051">
        <v>721225</v>
      </c>
      <c r="M1051">
        <v>95</v>
      </c>
      <c r="N1051" t="s">
        <v>68</v>
      </c>
      <c r="O1051" s="1">
        <v>42951.004166666666</v>
      </c>
      <c r="P1051" s="1">
        <v>42951.018750000003</v>
      </c>
    </row>
    <row r="1052" spans="1:16" x14ac:dyDescent="0.4">
      <c r="A1052">
        <v>3584</v>
      </c>
      <c r="B1052">
        <v>162891</v>
      </c>
      <c r="C1052" s="1">
        <v>42950</v>
      </c>
      <c r="D1052">
        <v>90</v>
      </c>
      <c r="E1052">
        <v>71</v>
      </c>
      <c r="F1052" t="s">
        <v>91</v>
      </c>
      <c r="G1052">
        <v>2</v>
      </c>
      <c r="H1052">
        <v>400</v>
      </c>
      <c r="I1052">
        <v>1</v>
      </c>
      <c r="J1052">
        <v>0</v>
      </c>
      <c r="K1052">
        <v>721226</v>
      </c>
      <c r="L1052">
        <v>721227</v>
      </c>
      <c r="M1052">
        <v>95</v>
      </c>
      <c r="N1052" t="s">
        <v>68</v>
      </c>
      <c r="O1052" s="1">
        <v>42951.005555555559</v>
      </c>
      <c r="P1052" s="1">
        <v>42951.018750000003</v>
      </c>
    </row>
    <row r="1053" spans="1:16" x14ac:dyDescent="0.4">
      <c r="A1053">
        <v>3585</v>
      </c>
      <c r="B1053">
        <v>162891</v>
      </c>
      <c r="C1053" s="1">
        <v>42950</v>
      </c>
      <c r="D1053">
        <v>74</v>
      </c>
      <c r="E1053">
        <v>55</v>
      </c>
      <c r="F1053" t="s">
        <v>50</v>
      </c>
      <c r="G1053">
        <v>2</v>
      </c>
      <c r="H1053">
        <v>400</v>
      </c>
      <c r="I1053">
        <v>1</v>
      </c>
      <c r="J1053">
        <v>0</v>
      </c>
      <c r="K1053">
        <v>721228</v>
      </c>
      <c r="L1053">
        <v>721229</v>
      </c>
      <c r="M1053">
        <v>95</v>
      </c>
      <c r="N1053" t="s">
        <v>68</v>
      </c>
      <c r="O1053" s="1">
        <v>42951.017361111109</v>
      </c>
      <c r="P1053" s="1">
        <v>42951.018750000003</v>
      </c>
    </row>
    <row r="1054" spans="1:16" x14ac:dyDescent="0.4">
      <c r="A1054">
        <v>3586</v>
      </c>
      <c r="B1054">
        <v>162891</v>
      </c>
      <c r="C1054" s="1">
        <v>42950</v>
      </c>
      <c r="D1054">
        <v>58</v>
      </c>
      <c r="E1054">
        <v>31</v>
      </c>
      <c r="F1054" t="s">
        <v>29</v>
      </c>
      <c r="G1054">
        <v>2</v>
      </c>
      <c r="H1054">
        <v>320</v>
      </c>
      <c r="I1054">
        <v>1</v>
      </c>
      <c r="J1054">
        <v>0</v>
      </c>
      <c r="K1054">
        <v>721230</v>
      </c>
      <c r="L1054">
        <v>721231</v>
      </c>
      <c r="M1054">
        <v>95</v>
      </c>
      <c r="N1054" t="s">
        <v>68</v>
      </c>
      <c r="O1054" s="1">
        <v>42951.017361111109</v>
      </c>
      <c r="P1054" s="1">
        <v>42951.018750000003</v>
      </c>
    </row>
    <row r="1055" spans="1:16" x14ac:dyDescent="0.4">
      <c r="A1055">
        <v>3588</v>
      </c>
      <c r="B1055">
        <v>162946</v>
      </c>
      <c r="C1055" s="1">
        <v>42951</v>
      </c>
      <c r="D1055">
        <v>188</v>
      </c>
      <c r="E1055">
        <v>227</v>
      </c>
      <c r="F1055" t="s">
        <v>113</v>
      </c>
      <c r="G1055">
        <v>2</v>
      </c>
      <c r="H1055">
        <v>280</v>
      </c>
      <c r="I1055">
        <v>1</v>
      </c>
      <c r="J1055">
        <v>0</v>
      </c>
      <c r="K1055">
        <v>721476</v>
      </c>
      <c r="L1055">
        <v>721477</v>
      </c>
      <c r="M1055">
        <v>1</v>
      </c>
      <c r="N1055" t="s">
        <v>45</v>
      </c>
      <c r="O1055" s="1">
        <v>42951.835416666669</v>
      </c>
      <c r="P1055" s="1">
        <v>42951.835416666669</v>
      </c>
    </row>
    <row r="1056" spans="1:16" x14ac:dyDescent="0.4">
      <c r="A1056">
        <v>3591</v>
      </c>
      <c r="B1056">
        <v>163117</v>
      </c>
      <c r="C1056" s="1">
        <v>42953</v>
      </c>
      <c r="D1056">
        <v>127</v>
      </c>
      <c r="E1056">
        <v>136</v>
      </c>
      <c r="F1056" t="s">
        <v>32</v>
      </c>
      <c r="G1056">
        <v>5</v>
      </c>
      <c r="H1056">
        <v>600</v>
      </c>
      <c r="I1056">
        <v>1</v>
      </c>
      <c r="J1056">
        <v>0</v>
      </c>
      <c r="K1056">
        <v>722374</v>
      </c>
      <c r="L1056">
        <v>722375</v>
      </c>
      <c r="M1056">
        <v>89</v>
      </c>
      <c r="N1056" t="s">
        <v>44</v>
      </c>
      <c r="O1056" s="1">
        <v>42953.666666666664</v>
      </c>
      <c r="P1056" s="1">
        <v>42953.672222222223</v>
      </c>
    </row>
    <row r="1057" spans="1:16" x14ac:dyDescent="0.4">
      <c r="A1057">
        <v>3592</v>
      </c>
      <c r="B1057">
        <v>163145</v>
      </c>
      <c r="C1057" s="1">
        <v>42953</v>
      </c>
      <c r="D1057">
        <v>85</v>
      </c>
      <c r="E1057">
        <v>66</v>
      </c>
      <c r="F1057" t="s">
        <v>88</v>
      </c>
      <c r="G1057">
        <v>17</v>
      </c>
      <c r="H1057">
        <v>0</v>
      </c>
      <c r="I1057">
        <v>1</v>
      </c>
      <c r="J1057">
        <v>0</v>
      </c>
      <c r="K1057">
        <v>722497</v>
      </c>
      <c r="L1057">
        <v>722498</v>
      </c>
      <c r="M1057">
        <v>16</v>
      </c>
      <c r="N1057" t="s">
        <v>64</v>
      </c>
      <c r="O1057" s="1">
        <v>42953.911805555559</v>
      </c>
      <c r="P1057" s="1">
        <v>42953.912499999999</v>
      </c>
    </row>
    <row r="1058" spans="1:16" x14ac:dyDescent="0.4">
      <c r="A1058">
        <v>3593</v>
      </c>
      <c r="B1058">
        <v>163153</v>
      </c>
      <c r="C1058" s="1">
        <v>42953</v>
      </c>
      <c r="D1058">
        <v>243</v>
      </c>
      <c r="E1058">
        <v>2299</v>
      </c>
      <c r="F1058" t="s">
        <v>219</v>
      </c>
      <c r="G1058">
        <v>1</v>
      </c>
      <c r="H1058">
        <v>350</v>
      </c>
      <c r="I1058">
        <v>1</v>
      </c>
      <c r="J1058">
        <v>0</v>
      </c>
      <c r="K1058">
        <v>722602</v>
      </c>
      <c r="L1058">
        <v>722603</v>
      </c>
      <c r="M1058">
        <v>91</v>
      </c>
      <c r="N1058" t="s">
        <v>24</v>
      </c>
      <c r="O1058" s="1">
        <v>42953.965277777781</v>
      </c>
      <c r="P1058" s="1">
        <v>42954.054861111108</v>
      </c>
    </row>
    <row r="1059" spans="1:16" x14ac:dyDescent="0.4">
      <c r="A1059">
        <v>3594</v>
      </c>
      <c r="B1059">
        <v>163165</v>
      </c>
      <c r="C1059" s="1">
        <v>42953</v>
      </c>
      <c r="D1059">
        <v>142</v>
      </c>
      <c r="E1059">
        <v>125</v>
      </c>
      <c r="F1059" t="s">
        <v>31</v>
      </c>
      <c r="G1059">
        <v>7</v>
      </c>
      <c r="H1059">
        <v>350</v>
      </c>
      <c r="I1059">
        <v>1</v>
      </c>
      <c r="J1059">
        <v>0</v>
      </c>
      <c r="K1059">
        <v>722634</v>
      </c>
      <c r="L1059">
        <v>722635</v>
      </c>
      <c r="M1059">
        <v>91</v>
      </c>
      <c r="N1059" t="s">
        <v>24</v>
      </c>
      <c r="O1059" s="1">
        <v>42954.107638888891</v>
      </c>
      <c r="P1059" s="1">
        <v>42954.107638888891</v>
      </c>
    </row>
    <row r="1060" spans="1:16" x14ac:dyDescent="0.4">
      <c r="A1060">
        <v>3595</v>
      </c>
      <c r="B1060">
        <v>163165</v>
      </c>
      <c r="C1060" s="1">
        <v>42953</v>
      </c>
      <c r="D1060">
        <v>16</v>
      </c>
      <c r="E1060">
        <v>120</v>
      </c>
      <c r="F1060" t="s">
        <v>58</v>
      </c>
      <c r="G1060">
        <v>7</v>
      </c>
      <c r="H1060">
        <v>450</v>
      </c>
      <c r="I1060">
        <v>1</v>
      </c>
      <c r="J1060">
        <v>0</v>
      </c>
      <c r="K1060">
        <v>722636</v>
      </c>
      <c r="L1060">
        <v>722637</v>
      </c>
      <c r="M1060">
        <v>91</v>
      </c>
      <c r="N1060" t="s">
        <v>24</v>
      </c>
      <c r="O1060" s="1">
        <v>42954.102777777778</v>
      </c>
      <c r="P1060" s="1">
        <v>42954.10833333333</v>
      </c>
    </row>
    <row r="1061" spans="1:16" x14ac:dyDescent="0.4">
      <c r="A1061">
        <v>3814</v>
      </c>
      <c r="B1061">
        <v>180350</v>
      </c>
      <c r="C1061" s="1">
        <v>43195</v>
      </c>
      <c r="D1061">
        <v>188</v>
      </c>
      <c r="E1061">
        <v>227</v>
      </c>
      <c r="F1061" t="s">
        <v>113</v>
      </c>
      <c r="G1061">
        <v>13</v>
      </c>
      <c r="H1061">
        <v>280</v>
      </c>
      <c r="I1061">
        <v>1</v>
      </c>
      <c r="J1061">
        <v>0</v>
      </c>
      <c r="K1061">
        <v>798750</v>
      </c>
      <c r="L1061">
        <v>798751</v>
      </c>
      <c r="M1061">
        <v>84</v>
      </c>
      <c r="N1061" t="s">
        <v>79</v>
      </c>
      <c r="O1061" s="1">
        <v>43195.902777777781</v>
      </c>
      <c r="P1061" s="1">
        <v>43195.904166666667</v>
      </c>
    </row>
    <row r="1062" spans="1:16" x14ac:dyDescent="0.4">
      <c r="A1062">
        <v>4137</v>
      </c>
      <c r="B1062">
        <v>211042</v>
      </c>
      <c r="C1062" s="1">
        <v>43654</v>
      </c>
      <c r="D1062">
        <v>16</v>
      </c>
      <c r="E1062">
        <v>120</v>
      </c>
      <c r="F1062" t="s">
        <v>58</v>
      </c>
      <c r="G1062">
        <v>8</v>
      </c>
      <c r="H1062">
        <v>450</v>
      </c>
      <c r="I1062">
        <v>1</v>
      </c>
      <c r="J1062">
        <v>0</v>
      </c>
      <c r="K1062">
        <v>926372</v>
      </c>
      <c r="L1062">
        <v>926373</v>
      </c>
      <c r="M1062">
        <v>94</v>
      </c>
      <c r="N1062" t="s">
        <v>68</v>
      </c>
      <c r="O1062" s="1">
        <v>43655.195138888892</v>
      </c>
      <c r="P1062" s="1">
        <v>43655.250694444447</v>
      </c>
    </row>
    <row r="1063" spans="1:16" x14ac:dyDescent="0.4">
      <c r="A1063">
        <v>4138</v>
      </c>
      <c r="B1063">
        <v>211042</v>
      </c>
      <c r="C1063" s="1">
        <v>43654</v>
      </c>
      <c r="D1063">
        <v>161</v>
      </c>
      <c r="E1063">
        <v>115</v>
      </c>
      <c r="F1063" t="s">
        <v>101</v>
      </c>
      <c r="G1063">
        <v>8</v>
      </c>
      <c r="H1063">
        <v>550</v>
      </c>
      <c r="I1063">
        <v>1</v>
      </c>
      <c r="J1063">
        <v>0</v>
      </c>
      <c r="K1063">
        <v>926374</v>
      </c>
      <c r="L1063">
        <v>926375</v>
      </c>
      <c r="M1063">
        <v>94</v>
      </c>
      <c r="N1063" t="s">
        <v>68</v>
      </c>
      <c r="O1063" s="1">
        <v>43655.195138888892</v>
      </c>
      <c r="P1063" s="1">
        <v>43655.250694444447</v>
      </c>
    </row>
    <row r="1064" spans="1:16" x14ac:dyDescent="0.4">
      <c r="A1064">
        <v>4171</v>
      </c>
      <c r="B1064">
        <v>212395</v>
      </c>
      <c r="C1064" s="1">
        <v>43673</v>
      </c>
      <c r="D1064">
        <v>176</v>
      </c>
      <c r="E1064">
        <v>148</v>
      </c>
      <c r="F1064" t="s">
        <v>220</v>
      </c>
      <c r="G1064">
        <v>7</v>
      </c>
      <c r="H1064">
        <v>250</v>
      </c>
      <c r="I1064">
        <v>1</v>
      </c>
      <c r="J1064">
        <v>0</v>
      </c>
      <c r="K1064">
        <v>931780</v>
      </c>
      <c r="L1064">
        <v>931781</v>
      </c>
      <c r="M1064">
        <v>101</v>
      </c>
      <c r="N1064" t="s">
        <v>97</v>
      </c>
      <c r="O1064" s="1">
        <v>43673.913888888892</v>
      </c>
      <c r="P1064" s="1">
        <v>43673.915972222225</v>
      </c>
    </row>
    <row r="1065" spans="1:16" x14ac:dyDescent="0.4">
      <c r="A1065">
        <v>4245</v>
      </c>
      <c r="B1065">
        <v>218021</v>
      </c>
      <c r="C1065" s="1">
        <v>43749</v>
      </c>
      <c r="D1065">
        <v>160</v>
      </c>
      <c r="E1065">
        <v>114</v>
      </c>
      <c r="F1065" t="s">
        <v>106</v>
      </c>
      <c r="G1065">
        <v>8</v>
      </c>
      <c r="H1065">
        <v>550</v>
      </c>
      <c r="I1065">
        <v>1</v>
      </c>
      <c r="J1065">
        <v>0</v>
      </c>
      <c r="K1065">
        <v>953960</v>
      </c>
      <c r="L1065">
        <v>953961</v>
      </c>
      <c r="M1065">
        <v>84</v>
      </c>
      <c r="N1065" t="s">
        <v>79</v>
      </c>
      <c r="O1065" s="1">
        <v>43750.044444444444</v>
      </c>
      <c r="P1065" s="1">
        <v>43750.05</v>
      </c>
    </row>
    <row r="1066" spans="1:16" x14ac:dyDescent="0.4">
      <c r="A1066">
        <v>4267</v>
      </c>
      <c r="B1066">
        <v>218990</v>
      </c>
      <c r="C1066" s="1">
        <v>43764</v>
      </c>
      <c r="D1066">
        <v>146</v>
      </c>
      <c r="E1066">
        <v>131</v>
      </c>
      <c r="F1066" t="s">
        <v>41</v>
      </c>
      <c r="G1066">
        <v>11</v>
      </c>
      <c r="H1066">
        <v>450</v>
      </c>
      <c r="I1066">
        <v>1</v>
      </c>
      <c r="J1066">
        <v>0</v>
      </c>
      <c r="K1066">
        <v>957849</v>
      </c>
      <c r="L1066">
        <v>957850</v>
      </c>
      <c r="M1066">
        <v>108</v>
      </c>
      <c r="N1066" t="s">
        <v>40</v>
      </c>
      <c r="O1066" s="1">
        <v>43764.883333333331</v>
      </c>
      <c r="P1066" s="1">
        <v>43764.887499999997</v>
      </c>
    </row>
    <row r="1067" spans="1:16" x14ac:dyDescent="0.4">
      <c r="A1067">
        <v>4279</v>
      </c>
      <c r="B1067">
        <v>220526</v>
      </c>
      <c r="C1067" s="1">
        <v>43788</v>
      </c>
      <c r="D1067">
        <v>213</v>
      </c>
      <c r="E1067">
        <v>211</v>
      </c>
      <c r="F1067" t="s">
        <v>180</v>
      </c>
      <c r="G1067">
        <v>2</v>
      </c>
      <c r="H1067">
        <v>0</v>
      </c>
      <c r="I1067">
        <v>1</v>
      </c>
      <c r="J1067">
        <v>0</v>
      </c>
      <c r="K1067">
        <v>964026</v>
      </c>
      <c r="L1067">
        <v>964027</v>
      </c>
      <c r="M1067">
        <v>94</v>
      </c>
      <c r="N1067" t="s">
        <v>183</v>
      </c>
      <c r="O1067" s="1">
        <v>43788.98333333333</v>
      </c>
      <c r="P1067" s="1">
        <v>43789.242361111108</v>
      </c>
    </row>
    <row r="1068" spans="1:16" x14ac:dyDescent="0.4">
      <c r="A1068">
        <v>4280</v>
      </c>
      <c r="B1068">
        <v>220526</v>
      </c>
      <c r="C1068" s="1">
        <v>43788</v>
      </c>
      <c r="D1068">
        <v>69</v>
      </c>
      <c r="E1068">
        <v>50</v>
      </c>
      <c r="F1068" t="s">
        <v>18</v>
      </c>
      <c r="G1068">
        <v>2</v>
      </c>
      <c r="H1068">
        <v>0</v>
      </c>
      <c r="I1068">
        <v>1</v>
      </c>
      <c r="J1068">
        <v>0</v>
      </c>
      <c r="K1068">
        <v>964028</v>
      </c>
      <c r="L1068">
        <v>964029</v>
      </c>
      <c r="M1068">
        <v>94</v>
      </c>
      <c r="N1068" t="s">
        <v>183</v>
      </c>
      <c r="O1068" s="1">
        <v>43788.98333333333</v>
      </c>
      <c r="P1068" s="1">
        <v>43789.242361111108</v>
      </c>
    </row>
    <row r="1069" spans="1:16" x14ac:dyDescent="0.4">
      <c r="A1069">
        <v>4281</v>
      </c>
      <c r="B1069">
        <v>220526</v>
      </c>
      <c r="C1069" s="1">
        <v>43788</v>
      </c>
      <c r="D1069">
        <v>194</v>
      </c>
      <c r="E1069">
        <v>224</v>
      </c>
      <c r="F1069" t="s">
        <v>139</v>
      </c>
      <c r="G1069">
        <v>2</v>
      </c>
      <c r="H1069">
        <v>0</v>
      </c>
      <c r="I1069">
        <v>1</v>
      </c>
      <c r="J1069">
        <v>0</v>
      </c>
      <c r="K1069">
        <v>964030</v>
      </c>
      <c r="L1069">
        <v>964031</v>
      </c>
      <c r="M1069">
        <v>94</v>
      </c>
      <c r="N1069" t="s">
        <v>183</v>
      </c>
      <c r="O1069" s="1">
        <v>43789.032638888886</v>
      </c>
      <c r="P1069" s="1">
        <v>43789.242361111108</v>
      </c>
    </row>
    <row r="1070" spans="1:16" x14ac:dyDescent="0.4">
      <c r="A1070">
        <v>4282</v>
      </c>
      <c r="B1070">
        <v>220526</v>
      </c>
      <c r="C1070" s="1">
        <v>43788</v>
      </c>
      <c r="D1070">
        <v>213</v>
      </c>
      <c r="E1070">
        <v>211</v>
      </c>
      <c r="F1070" t="s">
        <v>180</v>
      </c>
      <c r="G1070">
        <v>2</v>
      </c>
      <c r="H1070">
        <v>0</v>
      </c>
      <c r="I1070">
        <v>1</v>
      </c>
      <c r="J1070">
        <v>0</v>
      </c>
      <c r="K1070">
        <v>964032</v>
      </c>
      <c r="L1070">
        <v>964033</v>
      </c>
      <c r="M1070">
        <v>94</v>
      </c>
      <c r="N1070" t="s">
        <v>183</v>
      </c>
      <c r="O1070" s="1">
        <v>43789.032638888886</v>
      </c>
      <c r="P1070" s="1">
        <v>43789.242361111108</v>
      </c>
    </row>
    <row r="1071" spans="1:16" x14ac:dyDescent="0.4">
      <c r="A1071">
        <v>4448</v>
      </c>
      <c r="B1071">
        <v>240321</v>
      </c>
      <c r="C1071" s="1">
        <v>44205</v>
      </c>
      <c r="D1071">
        <v>125</v>
      </c>
      <c r="E1071">
        <v>126</v>
      </c>
      <c r="F1071" t="s">
        <v>159</v>
      </c>
      <c r="G1071">
        <v>2</v>
      </c>
      <c r="H1071">
        <v>280</v>
      </c>
      <c r="I1071">
        <v>1</v>
      </c>
      <c r="J1071">
        <v>0</v>
      </c>
      <c r="K1071">
        <v>1039090</v>
      </c>
      <c r="L1071">
        <v>1039091</v>
      </c>
      <c r="M1071">
        <v>84</v>
      </c>
      <c r="N1071" t="s">
        <v>79</v>
      </c>
      <c r="O1071" s="1">
        <v>44205.726388888892</v>
      </c>
      <c r="P1071" s="1">
        <v>44205.726388888892</v>
      </c>
    </row>
    <row r="1072" spans="1:16" x14ac:dyDescent="0.4">
      <c r="A1072">
        <v>4449</v>
      </c>
      <c r="B1072">
        <v>241114</v>
      </c>
      <c r="C1072" s="1">
        <v>44233</v>
      </c>
      <c r="D1072">
        <v>280</v>
      </c>
      <c r="E1072">
        <v>1266</v>
      </c>
      <c r="F1072" t="s">
        <v>162</v>
      </c>
      <c r="G1072">
        <v>4</v>
      </c>
      <c r="H1072">
        <v>540</v>
      </c>
      <c r="I1072">
        <v>1</v>
      </c>
      <c r="J1072">
        <v>0</v>
      </c>
      <c r="K1072">
        <v>1041725</v>
      </c>
      <c r="L1072">
        <v>1041726</v>
      </c>
      <c r="M1072">
        <v>107</v>
      </c>
      <c r="N1072" t="s">
        <v>172</v>
      </c>
      <c r="O1072" s="1">
        <v>44233.700694444444</v>
      </c>
      <c r="P1072" s="1">
        <v>44233.822916666664</v>
      </c>
    </row>
    <row r="1073" spans="1:16" x14ac:dyDescent="0.4">
      <c r="A1073">
        <v>4450</v>
      </c>
      <c r="B1073">
        <v>241746</v>
      </c>
      <c r="C1073" s="1">
        <v>44252</v>
      </c>
      <c r="D1073">
        <v>125</v>
      </c>
      <c r="E1073">
        <v>126</v>
      </c>
      <c r="F1073" t="s">
        <v>159</v>
      </c>
      <c r="G1073">
        <v>20</v>
      </c>
      <c r="H1073">
        <v>280</v>
      </c>
      <c r="I1073">
        <v>1</v>
      </c>
      <c r="J1073">
        <v>0</v>
      </c>
      <c r="K1073">
        <v>1043723</v>
      </c>
      <c r="L1073">
        <v>1043724</v>
      </c>
      <c r="M1073">
        <v>84</v>
      </c>
      <c r="N1073" t="s">
        <v>79</v>
      </c>
      <c r="O1073" s="1">
        <v>44252.683333333334</v>
      </c>
      <c r="P1073" s="1">
        <v>44252.693749999999</v>
      </c>
    </row>
    <row r="1074" spans="1:16" x14ac:dyDescent="0.4">
      <c r="A1074">
        <v>4451</v>
      </c>
      <c r="B1074">
        <v>241835</v>
      </c>
      <c r="C1074" s="1">
        <v>44254</v>
      </c>
      <c r="D1074">
        <v>57</v>
      </c>
      <c r="E1074">
        <v>30</v>
      </c>
      <c r="F1074" t="s">
        <v>213</v>
      </c>
      <c r="G1074">
        <v>16</v>
      </c>
      <c r="H1074">
        <v>320</v>
      </c>
      <c r="I1074">
        <v>1</v>
      </c>
      <c r="J1074">
        <v>0</v>
      </c>
      <c r="K1074">
        <v>1044044</v>
      </c>
      <c r="L1074">
        <v>1044045</v>
      </c>
      <c r="M1074">
        <v>108</v>
      </c>
      <c r="N1074" t="s">
        <v>40</v>
      </c>
      <c r="O1074" s="1">
        <v>44254.872916666667</v>
      </c>
      <c r="P1074" s="1">
        <v>44254.938194444447</v>
      </c>
    </row>
    <row r="1075" spans="1:16" x14ac:dyDescent="0.4">
      <c r="A1075">
        <v>4452</v>
      </c>
      <c r="B1075">
        <v>241835</v>
      </c>
      <c r="C1075" s="1">
        <v>44254</v>
      </c>
      <c r="D1075">
        <v>57</v>
      </c>
      <c r="E1075">
        <v>30</v>
      </c>
      <c r="F1075" t="s">
        <v>213</v>
      </c>
      <c r="G1075">
        <v>16</v>
      </c>
      <c r="H1075">
        <v>320</v>
      </c>
      <c r="I1075">
        <v>1</v>
      </c>
      <c r="J1075">
        <v>0</v>
      </c>
      <c r="K1075">
        <v>1044046</v>
      </c>
      <c r="L1075">
        <v>1044047</v>
      </c>
      <c r="M1075">
        <v>108</v>
      </c>
      <c r="N1075" t="s">
        <v>40</v>
      </c>
      <c r="O1075" s="1">
        <v>44254.886111111111</v>
      </c>
      <c r="P1075" s="1">
        <v>44254.938194444447</v>
      </c>
    </row>
    <row r="1076" spans="1:16" x14ac:dyDescent="0.4">
      <c r="A1076">
        <v>4453</v>
      </c>
      <c r="B1076">
        <v>241835</v>
      </c>
      <c r="C1076" s="1">
        <v>44254</v>
      </c>
      <c r="D1076">
        <v>57</v>
      </c>
      <c r="E1076">
        <v>30</v>
      </c>
      <c r="F1076" t="s">
        <v>213</v>
      </c>
      <c r="G1076">
        <v>16</v>
      </c>
      <c r="H1076">
        <v>320</v>
      </c>
      <c r="I1076">
        <v>1</v>
      </c>
      <c r="J1076">
        <v>0</v>
      </c>
      <c r="K1076">
        <v>1044048</v>
      </c>
      <c r="L1076">
        <v>1044049</v>
      </c>
      <c r="M1076">
        <v>108</v>
      </c>
      <c r="N1076" t="s">
        <v>40</v>
      </c>
      <c r="O1076" s="1">
        <v>44254.893750000003</v>
      </c>
      <c r="P1076" s="1">
        <v>44254.938194444447</v>
      </c>
    </row>
    <row r="1077" spans="1:16" x14ac:dyDescent="0.4">
      <c r="A1077">
        <v>4454</v>
      </c>
      <c r="B1077">
        <v>241835</v>
      </c>
      <c r="C1077" s="1">
        <v>44254</v>
      </c>
      <c r="D1077">
        <v>57</v>
      </c>
      <c r="E1077">
        <v>30</v>
      </c>
      <c r="F1077" t="s">
        <v>213</v>
      </c>
      <c r="G1077">
        <v>16</v>
      </c>
      <c r="H1077">
        <v>320</v>
      </c>
      <c r="I1077">
        <v>1</v>
      </c>
      <c r="J1077">
        <v>0</v>
      </c>
      <c r="K1077">
        <v>1044050</v>
      </c>
      <c r="L1077">
        <v>1044051</v>
      </c>
      <c r="M1077">
        <v>108</v>
      </c>
      <c r="N1077" t="s">
        <v>40</v>
      </c>
      <c r="O1077" s="1">
        <v>44254.916666666664</v>
      </c>
      <c r="P1077" s="1">
        <v>44254.938194444447</v>
      </c>
    </row>
    <row r="1078" spans="1:16" x14ac:dyDescent="0.4">
      <c r="A1078">
        <v>4455</v>
      </c>
      <c r="B1078">
        <v>241835</v>
      </c>
      <c r="C1078" s="1">
        <v>44254</v>
      </c>
      <c r="D1078">
        <v>57</v>
      </c>
      <c r="E1078">
        <v>30</v>
      </c>
      <c r="F1078" t="s">
        <v>213</v>
      </c>
      <c r="G1078">
        <v>16</v>
      </c>
      <c r="H1078">
        <v>320</v>
      </c>
      <c r="I1078">
        <v>1</v>
      </c>
      <c r="J1078">
        <v>0</v>
      </c>
      <c r="K1078">
        <v>1044052</v>
      </c>
      <c r="L1078">
        <v>1044053</v>
      </c>
      <c r="M1078">
        <v>108</v>
      </c>
      <c r="N1078" t="s">
        <v>40</v>
      </c>
      <c r="O1078" s="1">
        <v>44254.923611111109</v>
      </c>
      <c r="P1078" s="1">
        <v>44254.938194444447</v>
      </c>
    </row>
    <row r="1079" spans="1:16" x14ac:dyDescent="0.4">
      <c r="A1079">
        <v>4456</v>
      </c>
      <c r="B1079">
        <v>242160</v>
      </c>
      <c r="C1079" s="1">
        <v>44261</v>
      </c>
      <c r="D1079">
        <v>161</v>
      </c>
      <c r="E1079">
        <v>115</v>
      </c>
      <c r="F1079" t="s">
        <v>101</v>
      </c>
      <c r="G1079">
        <v>6</v>
      </c>
      <c r="H1079">
        <v>550</v>
      </c>
      <c r="I1079">
        <v>1</v>
      </c>
      <c r="J1079">
        <v>0</v>
      </c>
      <c r="K1079">
        <v>1045202</v>
      </c>
      <c r="L1079">
        <v>1045203</v>
      </c>
      <c r="M1079">
        <v>108</v>
      </c>
      <c r="N1079" t="s">
        <v>40</v>
      </c>
      <c r="O1079" s="1">
        <v>44261.947222222225</v>
      </c>
      <c r="P1079" s="1">
        <v>44261.948611111111</v>
      </c>
    </row>
    <row r="1080" spans="1:16" x14ac:dyDescent="0.4">
      <c r="A1080">
        <v>3293</v>
      </c>
      <c r="B1080">
        <v>149191</v>
      </c>
      <c r="C1080" s="1">
        <v>42756</v>
      </c>
      <c r="D1080">
        <v>125</v>
      </c>
      <c r="E1080">
        <v>126</v>
      </c>
      <c r="F1080" t="s">
        <v>8</v>
      </c>
      <c r="G1080">
        <v>11</v>
      </c>
      <c r="H1080">
        <v>380</v>
      </c>
      <c r="I1080">
        <v>1</v>
      </c>
      <c r="J1080">
        <v>0</v>
      </c>
      <c r="K1080">
        <v>659703</v>
      </c>
      <c r="L1080">
        <v>659704</v>
      </c>
      <c r="M1080">
        <v>93</v>
      </c>
      <c r="N1080" t="s">
        <v>15</v>
      </c>
      <c r="O1080" s="1">
        <v>42756.726388888892</v>
      </c>
      <c r="P1080" s="1">
        <v>42756.731944444444</v>
      </c>
    </row>
    <row r="1081" spans="1:16" x14ac:dyDescent="0.4">
      <c r="A1081">
        <v>3311</v>
      </c>
      <c r="B1081">
        <v>150483</v>
      </c>
      <c r="C1081" s="1">
        <v>42775</v>
      </c>
      <c r="D1081">
        <v>185</v>
      </c>
      <c r="E1081">
        <v>278</v>
      </c>
      <c r="F1081" t="s">
        <v>147</v>
      </c>
      <c r="G1081">
        <v>11</v>
      </c>
      <c r="H1081">
        <v>300</v>
      </c>
      <c r="I1081">
        <v>1</v>
      </c>
      <c r="J1081">
        <v>0</v>
      </c>
      <c r="K1081">
        <v>665628</v>
      </c>
      <c r="L1081">
        <v>665629</v>
      </c>
      <c r="M1081">
        <v>105</v>
      </c>
      <c r="N1081" t="s">
        <v>48</v>
      </c>
      <c r="O1081" s="1">
        <v>42775.979861111111</v>
      </c>
      <c r="P1081" s="1">
        <v>42775.986111111109</v>
      </c>
    </row>
    <row r="1082" spans="1:16" x14ac:dyDescent="0.4">
      <c r="A1082">
        <v>3314</v>
      </c>
      <c r="B1082">
        <v>151153</v>
      </c>
      <c r="C1082" s="1">
        <v>42784</v>
      </c>
      <c r="D1082">
        <v>69</v>
      </c>
      <c r="E1082">
        <v>50</v>
      </c>
      <c r="F1082" t="s">
        <v>18</v>
      </c>
      <c r="G1082">
        <v>20</v>
      </c>
      <c r="H1082">
        <v>480</v>
      </c>
      <c r="I1082">
        <v>1</v>
      </c>
      <c r="J1082">
        <v>0</v>
      </c>
      <c r="K1082">
        <v>668596</v>
      </c>
      <c r="L1082">
        <v>668597</v>
      </c>
      <c r="M1082">
        <v>91</v>
      </c>
      <c r="N1082" t="s">
        <v>24</v>
      </c>
      <c r="O1082" s="1">
        <v>42785.056250000001</v>
      </c>
      <c r="P1082" s="1">
        <v>42785.063888888886</v>
      </c>
    </row>
    <row r="1083" spans="1:16" x14ac:dyDescent="0.4">
      <c r="A1083">
        <v>3315</v>
      </c>
      <c r="B1083">
        <v>151153</v>
      </c>
      <c r="C1083" s="1">
        <v>42784</v>
      </c>
      <c r="D1083">
        <v>76</v>
      </c>
      <c r="E1083">
        <v>51</v>
      </c>
      <c r="F1083" t="s">
        <v>33</v>
      </c>
      <c r="G1083">
        <v>20</v>
      </c>
      <c r="H1083">
        <v>400</v>
      </c>
      <c r="I1083">
        <v>1</v>
      </c>
      <c r="J1083">
        <v>0</v>
      </c>
      <c r="K1083">
        <v>668598</v>
      </c>
      <c r="L1083">
        <v>668599</v>
      </c>
      <c r="M1083">
        <v>91</v>
      </c>
      <c r="N1083" t="s">
        <v>24</v>
      </c>
      <c r="O1083" s="1">
        <v>42785.056250000001</v>
      </c>
      <c r="P1083" s="1">
        <v>42785.063888888886</v>
      </c>
    </row>
    <row r="1084" spans="1:16" x14ac:dyDescent="0.4">
      <c r="A1084">
        <v>3321</v>
      </c>
      <c r="B1084">
        <v>151501</v>
      </c>
      <c r="C1084" s="1">
        <v>42790</v>
      </c>
      <c r="D1084">
        <v>142</v>
      </c>
      <c r="E1084">
        <v>125</v>
      </c>
      <c r="F1084" t="s">
        <v>31</v>
      </c>
      <c r="G1084">
        <v>6</v>
      </c>
      <c r="H1084">
        <v>350</v>
      </c>
      <c r="I1084">
        <v>1</v>
      </c>
      <c r="J1084">
        <v>0</v>
      </c>
      <c r="K1084">
        <v>670077</v>
      </c>
      <c r="L1084">
        <v>670078</v>
      </c>
      <c r="M1084">
        <v>29</v>
      </c>
      <c r="O1084" s="1">
        <v>42790.772222222222</v>
      </c>
      <c r="P1084" s="1">
        <v>42790.776388888888</v>
      </c>
    </row>
    <row r="1085" spans="1:16" x14ac:dyDescent="0.4">
      <c r="A1085">
        <v>3323</v>
      </c>
      <c r="B1085">
        <v>151634</v>
      </c>
      <c r="C1085" s="1">
        <v>42791</v>
      </c>
      <c r="D1085">
        <v>125</v>
      </c>
      <c r="E1085">
        <v>126</v>
      </c>
      <c r="F1085" t="s">
        <v>8</v>
      </c>
      <c r="G1085">
        <v>5</v>
      </c>
      <c r="H1085">
        <v>380</v>
      </c>
      <c r="I1085">
        <v>1</v>
      </c>
      <c r="J1085">
        <v>0</v>
      </c>
      <c r="K1085">
        <v>670711</v>
      </c>
      <c r="L1085">
        <v>670712</v>
      </c>
      <c r="M1085">
        <v>29</v>
      </c>
      <c r="O1085" s="1">
        <v>42791.90902777778</v>
      </c>
      <c r="P1085" s="1">
        <v>42791.955555555556</v>
      </c>
    </row>
    <row r="1086" spans="1:16" x14ac:dyDescent="0.4">
      <c r="A1086">
        <v>3326</v>
      </c>
      <c r="B1086">
        <v>151737</v>
      </c>
      <c r="C1086" s="1">
        <v>42792</v>
      </c>
      <c r="D1086">
        <v>207</v>
      </c>
      <c r="E1086">
        <v>420</v>
      </c>
      <c r="F1086" t="s">
        <v>90</v>
      </c>
      <c r="G1086">
        <v>10</v>
      </c>
      <c r="H1086">
        <v>320</v>
      </c>
      <c r="I1086">
        <v>1</v>
      </c>
      <c r="J1086">
        <v>0</v>
      </c>
      <c r="K1086">
        <v>671183</v>
      </c>
      <c r="L1086">
        <v>671184</v>
      </c>
      <c r="M1086">
        <v>1</v>
      </c>
      <c r="N1086" t="s">
        <v>12</v>
      </c>
      <c r="O1086" s="1">
        <v>42792.888888888891</v>
      </c>
      <c r="P1086" s="1">
        <v>42792.88958333333</v>
      </c>
    </row>
    <row r="1087" spans="1:16" x14ac:dyDescent="0.4">
      <c r="A1087">
        <v>3327</v>
      </c>
      <c r="B1087">
        <v>151737</v>
      </c>
      <c r="C1087" s="1">
        <v>42792</v>
      </c>
      <c r="D1087">
        <v>248</v>
      </c>
      <c r="E1087">
        <v>240</v>
      </c>
      <c r="F1087" t="s">
        <v>104</v>
      </c>
      <c r="G1087">
        <v>10</v>
      </c>
      <c r="H1087">
        <v>420</v>
      </c>
      <c r="I1087">
        <v>1</v>
      </c>
      <c r="J1087">
        <v>0</v>
      </c>
      <c r="K1087">
        <v>671185</v>
      </c>
      <c r="L1087">
        <v>671186</v>
      </c>
      <c r="M1087">
        <v>1</v>
      </c>
      <c r="N1087" t="s">
        <v>12</v>
      </c>
      <c r="O1087" s="1">
        <v>42792.888888888891</v>
      </c>
      <c r="P1087" s="1">
        <v>42792.88958333333</v>
      </c>
    </row>
    <row r="1088" spans="1:16" x14ac:dyDescent="0.4">
      <c r="A1088">
        <v>3329</v>
      </c>
      <c r="B1088">
        <v>151863</v>
      </c>
      <c r="C1088" s="1">
        <v>42794</v>
      </c>
      <c r="D1088">
        <v>89</v>
      </c>
      <c r="E1088">
        <v>70</v>
      </c>
      <c r="F1088" t="s">
        <v>10</v>
      </c>
      <c r="G1088">
        <v>19</v>
      </c>
      <c r="H1088">
        <v>400</v>
      </c>
      <c r="I1088">
        <v>1</v>
      </c>
      <c r="J1088">
        <v>0</v>
      </c>
      <c r="K1088">
        <v>671717</v>
      </c>
      <c r="L1088">
        <v>671718</v>
      </c>
      <c r="M1088">
        <v>107</v>
      </c>
      <c r="N1088" t="s">
        <v>30</v>
      </c>
      <c r="O1088" s="1">
        <v>42794.775694444441</v>
      </c>
      <c r="P1088" s="1">
        <v>42794.776388888888</v>
      </c>
    </row>
    <row r="1089" spans="1:16" x14ac:dyDescent="0.4">
      <c r="A1089">
        <v>3330</v>
      </c>
      <c r="B1089">
        <v>151865</v>
      </c>
      <c r="C1089" s="1">
        <v>42794</v>
      </c>
      <c r="D1089">
        <v>213</v>
      </c>
      <c r="E1089">
        <v>211</v>
      </c>
      <c r="F1089" t="s">
        <v>46</v>
      </c>
      <c r="G1089">
        <v>20</v>
      </c>
      <c r="H1089">
        <v>0</v>
      </c>
      <c r="I1089">
        <v>1</v>
      </c>
      <c r="J1089">
        <v>0</v>
      </c>
      <c r="K1089">
        <v>671720</v>
      </c>
      <c r="L1089">
        <v>671721</v>
      </c>
      <c r="M1089">
        <v>107</v>
      </c>
      <c r="N1089" t="s">
        <v>30</v>
      </c>
      <c r="O1089" s="1">
        <v>42794.777083333334</v>
      </c>
      <c r="P1089" s="1">
        <v>42794.777083333334</v>
      </c>
    </row>
    <row r="1090" spans="1:16" x14ac:dyDescent="0.4">
      <c r="A1090">
        <v>3333</v>
      </c>
      <c r="B1090">
        <v>152163</v>
      </c>
      <c r="C1090" s="1">
        <v>42798</v>
      </c>
      <c r="D1090">
        <v>146</v>
      </c>
      <c r="E1090">
        <v>131</v>
      </c>
      <c r="F1090" t="s">
        <v>41</v>
      </c>
      <c r="G1090">
        <v>3</v>
      </c>
      <c r="H1090">
        <v>450</v>
      </c>
      <c r="I1090">
        <v>1</v>
      </c>
      <c r="J1090">
        <v>0</v>
      </c>
      <c r="K1090">
        <v>673062</v>
      </c>
      <c r="L1090">
        <v>673063</v>
      </c>
      <c r="M1090">
        <v>102</v>
      </c>
      <c r="N1090" t="s">
        <v>27</v>
      </c>
      <c r="O1090" s="1">
        <v>42798.96597222222</v>
      </c>
      <c r="P1090" s="1">
        <v>42798.966666666667</v>
      </c>
    </row>
    <row r="1091" spans="1:16" x14ac:dyDescent="0.4">
      <c r="A1091">
        <v>3334</v>
      </c>
      <c r="B1091">
        <v>152158</v>
      </c>
      <c r="C1091" s="1">
        <v>42798</v>
      </c>
      <c r="D1091">
        <v>243</v>
      </c>
      <c r="E1091">
        <v>2299</v>
      </c>
      <c r="F1091" t="s">
        <v>219</v>
      </c>
      <c r="G1091">
        <v>10</v>
      </c>
      <c r="H1091">
        <v>350</v>
      </c>
      <c r="I1091">
        <v>1</v>
      </c>
      <c r="J1091">
        <v>0</v>
      </c>
      <c r="K1091">
        <v>673155</v>
      </c>
      <c r="L1091">
        <v>673156</v>
      </c>
      <c r="M1091">
        <v>102</v>
      </c>
      <c r="N1091" t="s">
        <v>27</v>
      </c>
      <c r="O1091" s="1">
        <v>42799.029861111114</v>
      </c>
      <c r="P1091" s="1">
        <v>42799.040972222225</v>
      </c>
    </row>
    <row r="1092" spans="1:16" x14ac:dyDescent="0.4">
      <c r="A1092">
        <v>3335</v>
      </c>
      <c r="B1092">
        <v>152158</v>
      </c>
      <c r="C1092" s="1">
        <v>42798</v>
      </c>
      <c r="D1092">
        <v>243</v>
      </c>
      <c r="E1092">
        <v>2299</v>
      </c>
      <c r="F1092" t="s">
        <v>219</v>
      </c>
      <c r="G1092">
        <v>10</v>
      </c>
      <c r="H1092">
        <v>350</v>
      </c>
      <c r="I1092">
        <v>1</v>
      </c>
      <c r="J1092">
        <v>0</v>
      </c>
      <c r="K1092">
        <v>673157</v>
      </c>
      <c r="L1092">
        <v>673158</v>
      </c>
      <c r="M1092">
        <v>102</v>
      </c>
      <c r="N1092" t="s">
        <v>27</v>
      </c>
      <c r="O1092" s="1">
        <v>42799.029861111114</v>
      </c>
      <c r="P1092" s="1">
        <v>42799.040972222225</v>
      </c>
    </row>
    <row r="1093" spans="1:16" x14ac:dyDescent="0.4">
      <c r="A1093">
        <v>3336</v>
      </c>
      <c r="B1093">
        <v>152155</v>
      </c>
      <c r="C1093" s="1">
        <v>42798</v>
      </c>
      <c r="D1093">
        <v>301</v>
      </c>
      <c r="E1093">
        <v>1430</v>
      </c>
      <c r="F1093" t="s">
        <v>19</v>
      </c>
      <c r="G1093">
        <v>11</v>
      </c>
      <c r="H1093">
        <v>420</v>
      </c>
      <c r="I1093">
        <v>1</v>
      </c>
      <c r="J1093">
        <v>0</v>
      </c>
      <c r="K1093">
        <v>673159</v>
      </c>
      <c r="L1093">
        <v>673160</v>
      </c>
      <c r="M1093">
        <v>102</v>
      </c>
      <c r="N1093" t="s">
        <v>27</v>
      </c>
      <c r="O1093" s="1">
        <v>42799.011111111111</v>
      </c>
      <c r="P1093" s="1">
        <v>42799.040972222225</v>
      </c>
    </row>
    <row r="1094" spans="1:16" x14ac:dyDescent="0.4">
      <c r="A1094">
        <v>3337</v>
      </c>
      <c r="B1094">
        <v>152186</v>
      </c>
      <c r="C1094" s="1">
        <v>42798</v>
      </c>
      <c r="D1094">
        <v>125</v>
      </c>
      <c r="E1094">
        <v>126</v>
      </c>
      <c r="F1094" t="s">
        <v>8</v>
      </c>
      <c r="G1094">
        <v>9</v>
      </c>
      <c r="H1094">
        <v>380</v>
      </c>
      <c r="I1094">
        <v>1</v>
      </c>
      <c r="J1094">
        <v>0</v>
      </c>
      <c r="K1094">
        <v>673231</v>
      </c>
      <c r="L1094">
        <v>673232</v>
      </c>
      <c r="M1094">
        <v>1</v>
      </c>
      <c r="N1094" t="s">
        <v>12</v>
      </c>
      <c r="O1094" s="1">
        <v>42799.129861111112</v>
      </c>
      <c r="P1094" s="1">
        <v>42799.130555555559</v>
      </c>
    </row>
    <row r="1095" spans="1:16" x14ac:dyDescent="0.4">
      <c r="A1095">
        <v>3339</v>
      </c>
      <c r="B1095">
        <v>152443</v>
      </c>
      <c r="C1095" s="1">
        <v>42802</v>
      </c>
      <c r="D1095">
        <v>69</v>
      </c>
      <c r="E1095">
        <v>50</v>
      </c>
      <c r="F1095" t="s">
        <v>18</v>
      </c>
      <c r="G1095">
        <v>6</v>
      </c>
      <c r="H1095">
        <v>480</v>
      </c>
      <c r="I1095">
        <v>1</v>
      </c>
      <c r="J1095">
        <v>0</v>
      </c>
      <c r="K1095">
        <v>674283</v>
      </c>
      <c r="L1095">
        <v>674284</v>
      </c>
      <c r="M1095">
        <v>29</v>
      </c>
      <c r="O1095" s="1">
        <v>42803.240277777775</v>
      </c>
      <c r="P1095" s="1">
        <v>42803.239583333336</v>
      </c>
    </row>
    <row r="1096" spans="1:16" x14ac:dyDescent="0.4">
      <c r="A1096">
        <v>3341</v>
      </c>
      <c r="B1096">
        <v>152678</v>
      </c>
      <c r="C1096" s="1">
        <v>42805</v>
      </c>
      <c r="D1096">
        <v>72</v>
      </c>
      <c r="E1096">
        <v>53</v>
      </c>
      <c r="F1096" t="s">
        <v>77</v>
      </c>
      <c r="G1096">
        <v>7</v>
      </c>
      <c r="H1096">
        <v>400</v>
      </c>
      <c r="I1096">
        <v>1</v>
      </c>
      <c r="J1096">
        <v>0</v>
      </c>
      <c r="K1096">
        <v>675305</v>
      </c>
      <c r="L1096">
        <v>675306</v>
      </c>
      <c r="M1096">
        <v>100</v>
      </c>
      <c r="N1096" t="s">
        <v>1</v>
      </c>
      <c r="O1096" s="1">
        <v>42805.988194444442</v>
      </c>
      <c r="P1096" s="1">
        <v>42805.988194444442</v>
      </c>
    </row>
    <row r="1097" spans="1:16" x14ac:dyDescent="0.4">
      <c r="A1097">
        <v>3342</v>
      </c>
      <c r="B1097">
        <v>152678</v>
      </c>
      <c r="C1097" s="1">
        <v>42805</v>
      </c>
      <c r="D1097">
        <v>213</v>
      </c>
      <c r="E1097">
        <v>211</v>
      </c>
      <c r="F1097" t="s">
        <v>46</v>
      </c>
      <c r="G1097">
        <v>7</v>
      </c>
      <c r="H1097">
        <v>0</v>
      </c>
      <c r="I1097">
        <v>1</v>
      </c>
      <c r="J1097">
        <v>0</v>
      </c>
      <c r="K1097">
        <v>675307</v>
      </c>
      <c r="L1097">
        <v>675308</v>
      </c>
      <c r="M1097">
        <v>100</v>
      </c>
      <c r="N1097" t="s">
        <v>1</v>
      </c>
      <c r="O1097" s="1">
        <v>42805.988194444442</v>
      </c>
      <c r="P1097" s="1">
        <v>42805.988888888889</v>
      </c>
    </row>
    <row r="1098" spans="1:16" x14ac:dyDescent="0.4">
      <c r="A1098">
        <v>3343</v>
      </c>
      <c r="B1098">
        <v>152678</v>
      </c>
      <c r="C1098" s="1">
        <v>42805</v>
      </c>
      <c r="D1098">
        <v>89</v>
      </c>
      <c r="E1098">
        <v>70</v>
      </c>
      <c r="F1098" t="s">
        <v>10</v>
      </c>
      <c r="G1098">
        <v>7</v>
      </c>
      <c r="H1098">
        <v>400</v>
      </c>
      <c r="I1098">
        <v>1</v>
      </c>
      <c r="J1098">
        <v>0</v>
      </c>
      <c r="K1098">
        <v>675309</v>
      </c>
      <c r="L1098">
        <v>675310</v>
      </c>
      <c r="M1098">
        <v>100</v>
      </c>
      <c r="N1098" t="s">
        <v>1</v>
      </c>
      <c r="O1098" s="1">
        <v>42805.988194444442</v>
      </c>
      <c r="P1098" s="1">
        <v>42805.988888888889</v>
      </c>
    </row>
    <row r="1099" spans="1:16" x14ac:dyDescent="0.4">
      <c r="A1099">
        <v>3344</v>
      </c>
      <c r="B1099">
        <v>152678</v>
      </c>
      <c r="C1099" s="1">
        <v>42805</v>
      </c>
      <c r="D1099">
        <v>57</v>
      </c>
      <c r="E1099">
        <v>30</v>
      </c>
      <c r="F1099" t="s">
        <v>60</v>
      </c>
      <c r="G1099">
        <v>7</v>
      </c>
      <c r="H1099">
        <v>320</v>
      </c>
      <c r="I1099">
        <v>2</v>
      </c>
      <c r="J1099">
        <v>0</v>
      </c>
      <c r="K1099">
        <v>675311</v>
      </c>
      <c r="L1099">
        <v>675312</v>
      </c>
      <c r="M1099">
        <v>100</v>
      </c>
      <c r="N1099" t="s">
        <v>1</v>
      </c>
      <c r="O1099" s="1">
        <v>42805.988194444442</v>
      </c>
      <c r="P1099" s="1">
        <v>42805.988888888889</v>
      </c>
    </row>
    <row r="1100" spans="1:16" x14ac:dyDescent="0.4">
      <c r="A1100">
        <v>3349</v>
      </c>
      <c r="B1100">
        <v>152879</v>
      </c>
      <c r="C1100" s="1">
        <v>42808</v>
      </c>
      <c r="D1100">
        <v>205</v>
      </c>
      <c r="E1100">
        <v>400</v>
      </c>
      <c r="F1100" t="s">
        <v>125</v>
      </c>
      <c r="G1100">
        <v>7</v>
      </c>
      <c r="H1100">
        <v>320</v>
      </c>
      <c r="I1100">
        <v>1</v>
      </c>
      <c r="J1100">
        <v>0</v>
      </c>
      <c r="K1100">
        <v>676194</v>
      </c>
      <c r="L1100">
        <v>676195</v>
      </c>
      <c r="M1100">
        <v>1</v>
      </c>
      <c r="N1100" t="s">
        <v>12</v>
      </c>
      <c r="O1100" s="1">
        <v>42808.923611111109</v>
      </c>
      <c r="P1100" s="1">
        <v>42808.930555555555</v>
      </c>
    </row>
    <row r="1101" spans="1:16" x14ac:dyDescent="0.4">
      <c r="A1101">
        <v>3352</v>
      </c>
      <c r="B1101">
        <v>153224</v>
      </c>
      <c r="C1101" s="1">
        <v>42813</v>
      </c>
      <c r="D1101">
        <v>280</v>
      </c>
      <c r="E1101">
        <v>1266</v>
      </c>
      <c r="F1101" t="s">
        <v>13</v>
      </c>
      <c r="G1101">
        <v>5</v>
      </c>
      <c r="H1101">
        <v>680</v>
      </c>
      <c r="I1101">
        <v>1</v>
      </c>
      <c r="J1101">
        <v>0</v>
      </c>
      <c r="K1101">
        <v>677778</v>
      </c>
      <c r="L1101">
        <v>677779</v>
      </c>
      <c r="M1101">
        <v>97</v>
      </c>
      <c r="N1101" t="s">
        <v>17</v>
      </c>
      <c r="O1101" s="1">
        <v>42813.602083333331</v>
      </c>
      <c r="P1101" s="1">
        <v>42813.61041666667</v>
      </c>
    </row>
    <row r="1102" spans="1:16" x14ac:dyDescent="0.4">
      <c r="A1102">
        <v>3353</v>
      </c>
      <c r="B1102">
        <v>153240</v>
      </c>
      <c r="C1102" s="1">
        <v>42813</v>
      </c>
      <c r="D1102">
        <v>97</v>
      </c>
      <c r="E1102">
        <v>21</v>
      </c>
      <c r="F1102" t="s">
        <v>6</v>
      </c>
      <c r="G1102">
        <v>9</v>
      </c>
      <c r="H1102">
        <v>420</v>
      </c>
      <c r="I1102">
        <v>4</v>
      </c>
      <c r="J1102">
        <v>3</v>
      </c>
      <c r="K1102">
        <v>677844</v>
      </c>
      <c r="L1102">
        <v>677845</v>
      </c>
      <c r="M1102">
        <v>97</v>
      </c>
      <c r="N1102" t="s">
        <v>17</v>
      </c>
      <c r="O1102" s="1">
        <v>42813.759722222225</v>
      </c>
      <c r="P1102" s="1">
        <v>42813.76458333333</v>
      </c>
    </row>
    <row r="1103" spans="1:16" x14ac:dyDescent="0.4">
      <c r="A1103">
        <v>3354</v>
      </c>
      <c r="B1103">
        <v>153261</v>
      </c>
      <c r="C1103" s="1">
        <v>42813</v>
      </c>
      <c r="D1103">
        <v>71</v>
      </c>
      <c r="E1103">
        <v>52</v>
      </c>
      <c r="F1103" t="s">
        <v>23</v>
      </c>
      <c r="G1103">
        <v>12</v>
      </c>
      <c r="H1103">
        <v>400</v>
      </c>
      <c r="I1103">
        <v>1</v>
      </c>
      <c r="J1103">
        <v>0</v>
      </c>
      <c r="K1103">
        <v>678027</v>
      </c>
      <c r="L1103">
        <v>678028</v>
      </c>
      <c r="M1103">
        <v>29</v>
      </c>
      <c r="O1103" s="1">
        <v>42814.026388888888</v>
      </c>
      <c r="P1103" s="1">
        <v>42814.026388888888</v>
      </c>
    </row>
    <row r="1104" spans="1:16" x14ac:dyDescent="0.4">
      <c r="A1104">
        <v>3355</v>
      </c>
      <c r="B1104">
        <v>153261</v>
      </c>
      <c r="C1104" s="1">
        <v>42813</v>
      </c>
      <c r="D1104">
        <v>75</v>
      </c>
      <c r="E1104">
        <v>56</v>
      </c>
      <c r="F1104" t="s">
        <v>49</v>
      </c>
      <c r="G1104">
        <v>12</v>
      </c>
      <c r="H1104">
        <v>400</v>
      </c>
      <c r="I1104">
        <v>1</v>
      </c>
      <c r="J1104">
        <v>0</v>
      </c>
      <c r="K1104">
        <v>678029</v>
      </c>
      <c r="L1104">
        <v>678030</v>
      </c>
      <c r="M1104">
        <v>29</v>
      </c>
      <c r="O1104" s="1">
        <v>42814.026388888888</v>
      </c>
      <c r="P1104" s="1">
        <v>42814.026388888888</v>
      </c>
    </row>
    <row r="1105" spans="1:16" x14ac:dyDescent="0.4">
      <c r="A1105">
        <v>3356</v>
      </c>
      <c r="B1105">
        <v>153261</v>
      </c>
      <c r="C1105" s="1">
        <v>42813</v>
      </c>
      <c r="D1105">
        <v>64</v>
      </c>
      <c r="E1105">
        <v>37</v>
      </c>
      <c r="F1105" t="s">
        <v>221</v>
      </c>
      <c r="G1105">
        <v>12</v>
      </c>
      <c r="H1105">
        <v>320</v>
      </c>
      <c r="I1105">
        <v>1</v>
      </c>
      <c r="J1105">
        <v>0</v>
      </c>
      <c r="K1105">
        <v>678031</v>
      </c>
      <c r="L1105">
        <v>678032</v>
      </c>
      <c r="M1105">
        <v>29</v>
      </c>
      <c r="O1105" s="1">
        <v>42814.026388888888</v>
      </c>
      <c r="P1105" s="1">
        <v>42814.026388888888</v>
      </c>
    </row>
    <row r="1106" spans="1:16" x14ac:dyDescent="0.4">
      <c r="A1106">
        <v>3684</v>
      </c>
      <c r="B1106">
        <v>169222</v>
      </c>
      <c r="C1106" s="1">
        <v>43037</v>
      </c>
      <c r="D1106">
        <v>66</v>
      </c>
      <c r="E1106">
        <v>39</v>
      </c>
      <c r="F1106" t="s">
        <v>135</v>
      </c>
      <c r="G1106">
        <v>2</v>
      </c>
      <c r="H1106">
        <v>320</v>
      </c>
      <c r="I1106">
        <v>3</v>
      </c>
      <c r="J1106">
        <v>0</v>
      </c>
      <c r="K1106">
        <v>749383</v>
      </c>
      <c r="L1106">
        <v>749384</v>
      </c>
      <c r="M1106">
        <v>29</v>
      </c>
      <c r="N1106" t="s">
        <v>97</v>
      </c>
      <c r="O1106" s="1">
        <v>43037.932638888888</v>
      </c>
      <c r="P1106" s="1">
        <v>43037.956250000003</v>
      </c>
    </row>
    <row r="1107" spans="1:16" x14ac:dyDescent="0.4">
      <c r="A1107">
        <v>3685</v>
      </c>
      <c r="B1107">
        <v>169222</v>
      </c>
      <c r="C1107" s="1">
        <v>43037</v>
      </c>
      <c r="D1107">
        <v>349</v>
      </c>
      <c r="E1107">
        <v>902</v>
      </c>
      <c r="F1107" t="s">
        <v>173</v>
      </c>
      <c r="G1107">
        <v>2</v>
      </c>
      <c r="H1107">
        <v>0</v>
      </c>
      <c r="I1107">
        <v>3</v>
      </c>
      <c r="J1107">
        <v>0</v>
      </c>
      <c r="K1107">
        <v>749385</v>
      </c>
      <c r="L1107">
        <v>749386</v>
      </c>
      <c r="M1107">
        <v>29</v>
      </c>
      <c r="N1107" t="s">
        <v>97</v>
      </c>
      <c r="O1107" s="1">
        <v>43037.932638888888</v>
      </c>
      <c r="P1107" s="1">
        <v>43037.956250000003</v>
      </c>
    </row>
    <row r="1108" spans="1:16" x14ac:dyDescent="0.4">
      <c r="A1108">
        <v>3788</v>
      </c>
      <c r="B1108">
        <v>177145</v>
      </c>
      <c r="C1108" s="1">
        <v>43154</v>
      </c>
      <c r="D1108">
        <v>165</v>
      </c>
      <c r="E1108">
        <v>323</v>
      </c>
      <c r="F1108" t="s">
        <v>28</v>
      </c>
      <c r="G1108">
        <v>2</v>
      </c>
      <c r="H1108">
        <v>450</v>
      </c>
      <c r="I1108">
        <v>1</v>
      </c>
      <c r="J1108">
        <v>0</v>
      </c>
      <c r="K1108">
        <v>784794</v>
      </c>
      <c r="L1108">
        <v>784795</v>
      </c>
      <c r="M1108">
        <v>84</v>
      </c>
      <c r="N1108" t="s">
        <v>79</v>
      </c>
      <c r="O1108" s="1">
        <v>43154.674305555556</v>
      </c>
      <c r="P1108" s="1">
        <v>43154.675000000003</v>
      </c>
    </row>
    <row r="1109" spans="1:16" x14ac:dyDescent="0.4">
      <c r="A1109">
        <v>3792</v>
      </c>
      <c r="B1109">
        <v>177720</v>
      </c>
      <c r="C1109" s="1">
        <v>43161</v>
      </c>
      <c r="D1109">
        <v>124</v>
      </c>
      <c r="E1109">
        <v>141</v>
      </c>
      <c r="F1109" t="s">
        <v>185</v>
      </c>
      <c r="G1109">
        <v>14</v>
      </c>
      <c r="H1109">
        <v>250</v>
      </c>
      <c r="I1109">
        <v>1</v>
      </c>
      <c r="J1109">
        <v>0</v>
      </c>
      <c r="K1109">
        <v>787360</v>
      </c>
      <c r="L1109">
        <v>787361</v>
      </c>
      <c r="M1109">
        <v>108</v>
      </c>
      <c r="N1109" t="s">
        <v>40</v>
      </c>
      <c r="O1109" s="1">
        <v>43162.057638888888</v>
      </c>
      <c r="P1109" s="1">
        <v>43162.057638888888</v>
      </c>
    </row>
    <row r="1110" spans="1:16" x14ac:dyDescent="0.4">
      <c r="A1110">
        <v>3795</v>
      </c>
      <c r="B1110">
        <v>178123</v>
      </c>
      <c r="C1110" s="1">
        <v>43167</v>
      </c>
      <c r="D1110">
        <v>126</v>
      </c>
      <c r="E1110">
        <v>138</v>
      </c>
      <c r="F1110" t="s">
        <v>66</v>
      </c>
      <c r="G1110">
        <v>3</v>
      </c>
      <c r="H1110">
        <v>380</v>
      </c>
      <c r="I1110">
        <v>1</v>
      </c>
      <c r="J1110">
        <v>0</v>
      </c>
      <c r="K1110">
        <v>789025</v>
      </c>
      <c r="L1110">
        <v>789026</v>
      </c>
      <c r="M1110">
        <v>108</v>
      </c>
      <c r="N1110" t="s">
        <v>40</v>
      </c>
      <c r="O1110" s="1">
        <v>43167.931944444441</v>
      </c>
      <c r="P1110" s="1">
        <v>43167.932638888888</v>
      </c>
    </row>
    <row r="1111" spans="1:16" x14ac:dyDescent="0.4">
      <c r="A1111">
        <v>3801</v>
      </c>
      <c r="B1111">
        <v>178795</v>
      </c>
      <c r="C1111" s="1">
        <v>43176</v>
      </c>
      <c r="D1111">
        <v>57</v>
      </c>
      <c r="E1111">
        <v>30</v>
      </c>
      <c r="F1111" t="s">
        <v>60</v>
      </c>
      <c r="G1111">
        <v>15</v>
      </c>
      <c r="H1111">
        <v>320</v>
      </c>
      <c r="I1111">
        <v>1</v>
      </c>
      <c r="J1111">
        <v>0</v>
      </c>
      <c r="K1111">
        <v>791928</v>
      </c>
      <c r="L1111">
        <v>791929</v>
      </c>
      <c r="M1111">
        <v>99</v>
      </c>
      <c r="N1111" t="s">
        <v>43</v>
      </c>
      <c r="O1111" s="1">
        <v>43176.756944444445</v>
      </c>
      <c r="P1111" s="1">
        <v>43176.76666666667</v>
      </c>
    </row>
    <row r="1112" spans="1:16" x14ac:dyDescent="0.4">
      <c r="A1112">
        <v>3804</v>
      </c>
      <c r="B1112">
        <v>178895</v>
      </c>
      <c r="C1112" s="1">
        <v>43177</v>
      </c>
      <c r="D1112">
        <v>69</v>
      </c>
      <c r="E1112">
        <v>50</v>
      </c>
      <c r="F1112" t="s">
        <v>18</v>
      </c>
      <c r="G1112">
        <v>6</v>
      </c>
      <c r="H1112">
        <v>480</v>
      </c>
      <c r="I1112">
        <v>1</v>
      </c>
      <c r="J1112">
        <v>0</v>
      </c>
      <c r="K1112">
        <v>792468</v>
      </c>
      <c r="L1112">
        <v>792469</v>
      </c>
      <c r="M1112">
        <v>100</v>
      </c>
      <c r="N1112" t="s">
        <v>1</v>
      </c>
      <c r="O1112" s="1">
        <v>43177.842361111114</v>
      </c>
      <c r="P1112" s="1">
        <v>43177.842361111114</v>
      </c>
    </row>
    <row r="1113" spans="1:16" x14ac:dyDescent="0.4">
      <c r="A1113">
        <v>3805</v>
      </c>
      <c r="B1113">
        <v>178895</v>
      </c>
      <c r="C1113" s="1">
        <v>43177</v>
      </c>
      <c r="D1113">
        <v>95</v>
      </c>
      <c r="E1113">
        <v>76</v>
      </c>
      <c r="F1113" t="s">
        <v>222</v>
      </c>
      <c r="G1113">
        <v>6</v>
      </c>
      <c r="H1113">
        <v>400</v>
      </c>
      <c r="I1113">
        <v>1</v>
      </c>
      <c r="J1113">
        <v>0</v>
      </c>
      <c r="K1113">
        <v>792470</v>
      </c>
      <c r="L1113">
        <v>792471</v>
      </c>
      <c r="M1113">
        <v>100</v>
      </c>
      <c r="N1113" t="s">
        <v>1</v>
      </c>
      <c r="O1113" s="1">
        <v>43177.842361111114</v>
      </c>
      <c r="P1113" s="1">
        <v>43177.842361111114</v>
      </c>
    </row>
    <row r="1114" spans="1:16" x14ac:dyDescent="0.4">
      <c r="A1114">
        <v>3872</v>
      </c>
      <c r="B1114">
        <v>188429</v>
      </c>
      <c r="C1114" s="1">
        <v>43319</v>
      </c>
      <c r="D1114">
        <v>57</v>
      </c>
      <c r="E1114">
        <v>30</v>
      </c>
      <c r="F1114" t="s">
        <v>60</v>
      </c>
      <c r="G1114">
        <v>12</v>
      </c>
      <c r="H1114">
        <v>320</v>
      </c>
      <c r="I1114">
        <v>2</v>
      </c>
      <c r="J1114">
        <v>0</v>
      </c>
      <c r="K1114">
        <v>833945</v>
      </c>
      <c r="L1114">
        <v>833946</v>
      </c>
      <c r="M1114">
        <v>100</v>
      </c>
      <c r="N1114" t="s">
        <v>1</v>
      </c>
      <c r="O1114" s="1">
        <v>43320.033333333333</v>
      </c>
      <c r="P1114" s="1">
        <v>43320.087500000001</v>
      </c>
    </row>
    <row r="1115" spans="1:16" x14ac:dyDescent="0.4">
      <c r="A1115">
        <v>3873</v>
      </c>
      <c r="B1115">
        <v>188429</v>
      </c>
      <c r="C1115" s="1">
        <v>43319</v>
      </c>
      <c r="D1115">
        <v>57</v>
      </c>
      <c r="E1115">
        <v>30</v>
      </c>
      <c r="F1115" t="s">
        <v>60</v>
      </c>
      <c r="G1115">
        <v>12</v>
      </c>
      <c r="H1115">
        <v>320</v>
      </c>
      <c r="I1115">
        <v>2</v>
      </c>
      <c r="J1115">
        <v>0</v>
      </c>
      <c r="K1115">
        <v>833947</v>
      </c>
      <c r="L1115">
        <v>833948</v>
      </c>
      <c r="M1115">
        <v>100</v>
      </c>
      <c r="N1115" t="s">
        <v>1</v>
      </c>
      <c r="O1115" s="1">
        <v>43320.057638888888</v>
      </c>
      <c r="P1115" s="1">
        <v>43320.087500000001</v>
      </c>
    </row>
    <row r="1116" spans="1:16" x14ac:dyDescent="0.4">
      <c r="A1116">
        <v>3874</v>
      </c>
      <c r="B1116">
        <v>188429</v>
      </c>
      <c r="C1116" s="1">
        <v>43319</v>
      </c>
      <c r="D1116">
        <v>57</v>
      </c>
      <c r="E1116">
        <v>30</v>
      </c>
      <c r="F1116" t="s">
        <v>60</v>
      </c>
      <c r="G1116">
        <v>12</v>
      </c>
      <c r="H1116">
        <v>320</v>
      </c>
      <c r="I1116">
        <v>2</v>
      </c>
      <c r="J1116">
        <v>0</v>
      </c>
      <c r="K1116">
        <v>833949</v>
      </c>
      <c r="L1116">
        <v>833950</v>
      </c>
      <c r="M1116">
        <v>100</v>
      </c>
      <c r="N1116" t="s">
        <v>1</v>
      </c>
      <c r="O1116" s="1">
        <v>43320.067361111112</v>
      </c>
      <c r="P1116" s="1">
        <v>43320.087500000001</v>
      </c>
    </row>
    <row r="1117" spans="1:16" x14ac:dyDescent="0.4">
      <c r="A1117">
        <v>3875</v>
      </c>
      <c r="B1117">
        <v>188431</v>
      </c>
      <c r="C1117" s="1">
        <v>43319</v>
      </c>
      <c r="D1117">
        <v>57</v>
      </c>
      <c r="E1117">
        <v>30</v>
      </c>
      <c r="F1117" t="s">
        <v>60</v>
      </c>
      <c r="G1117">
        <v>17</v>
      </c>
      <c r="H1117">
        <v>320</v>
      </c>
      <c r="I1117">
        <v>2</v>
      </c>
      <c r="J1117">
        <v>0</v>
      </c>
      <c r="K1117">
        <v>833954</v>
      </c>
      <c r="L1117">
        <v>833955</v>
      </c>
      <c r="M1117">
        <v>100</v>
      </c>
      <c r="N1117" t="s">
        <v>1</v>
      </c>
      <c r="O1117" s="1">
        <v>43320.06527777778</v>
      </c>
      <c r="P1117" s="1">
        <v>43320.092361111114</v>
      </c>
    </row>
    <row r="1118" spans="1:16" x14ac:dyDescent="0.4">
      <c r="A1118">
        <v>3876</v>
      </c>
      <c r="B1118">
        <v>188431</v>
      </c>
      <c r="C1118" s="1">
        <v>43319</v>
      </c>
      <c r="D1118">
        <v>57</v>
      </c>
      <c r="E1118">
        <v>30</v>
      </c>
      <c r="F1118" t="s">
        <v>60</v>
      </c>
      <c r="G1118">
        <v>17</v>
      </c>
      <c r="H1118">
        <v>320</v>
      </c>
      <c r="I1118">
        <v>1</v>
      </c>
      <c r="J1118">
        <v>0</v>
      </c>
      <c r="K1118">
        <v>833956</v>
      </c>
      <c r="L1118">
        <v>833957</v>
      </c>
      <c r="M1118">
        <v>100</v>
      </c>
      <c r="N1118" t="s">
        <v>1</v>
      </c>
      <c r="O1118" s="1">
        <v>43320.072916666664</v>
      </c>
      <c r="P1118" s="1">
        <v>43320.092361111114</v>
      </c>
    </row>
    <row r="1119" spans="1:16" x14ac:dyDescent="0.4">
      <c r="A1119">
        <v>3877</v>
      </c>
      <c r="B1119">
        <v>188431</v>
      </c>
      <c r="C1119" s="1">
        <v>43319</v>
      </c>
      <c r="D1119">
        <v>57</v>
      </c>
      <c r="E1119">
        <v>30</v>
      </c>
      <c r="F1119" t="s">
        <v>60</v>
      </c>
      <c r="G1119">
        <v>17</v>
      </c>
      <c r="H1119">
        <v>320</v>
      </c>
      <c r="I1119">
        <v>2</v>
      </c>
      <c r="J1119">
        <v>0</v>
      </c>
      <c r="K1119">
        <v>833958</v>
      </c>
      <c r="L1119">
        <v>833959</v>
      </c>
      <c r="M1119">
        <v>100</v>
      </c>
      <c r="N1119" t="s">
        <v>1</v>
      </c>
      <c r="O1119" s="1">
        <v>43320.087500000001</v>
      </c>
      <c r="P1119" s="1">
        <v>43320.092361111114</v>
      </c>
    </row>
    <row r="1120" spans="1:16" x14ac:dyDescent="0.4">
      <c r="A1120">
        <v>3878</v>
      </c>
      <c r="B1120">
        <v>188433</v>
      </c>
      <c r="C1120" s="1">
        <v>43319</v>
      </c>
      <c r="D1120">
        <v>90</v>
      </c>
      <c r="E1120">
        <v>71</v>
      </c>
      <c r="F1120" t="s">
        <v>91</v>
      </c>
      <c r="G1120">
        <v>18</v>
      </c>
      <c r="H1120">
        <v>400</v>
      </c>
      <c r="I1120">
        <v>1</v>
      </c>
      <c r="J1120">
        <v>0</v>
      </c>
      <c r="K1120">
        <v>833960</v>
      </c>
      <c r="L1120">
        <v>833961</v>
      </c>
      <c r="M1120">
        <v>100</v>
      </c>
      <c r="N1120" t="s">
        <v>1</v>
      </c>
      <c r="O1120" s="1">
        <v>43320.061805555553</v>
      </c>
      <c r="P1120" s="1">
        <v>43320.093055555553</v>
      </c>
    </row>
    <row r="1121" spans="1:16" x14ac:dyDescent="0.4">
      <c r="A1121">
        <v>3879</v>
      </c>
      <c r="B1121">
        <v>188433</v>
      </c>
      <c r="C1121" s="1">
        <v>43319</v>
      </c>
      <c r="D1121">
        <v>186</v>
      </c>
      <c r="E1121">
        <v>225</v>
      </c>
      <c r="F1121" t="s">
        <v>34</v>
      </c>
      <c r="G1121">
        <v>18</v>
      </c>
      <c r="H1121">
        <v>350</v>
      </c>
      <c r="I1121">
        <v>1</v>
      </c>
      <c r="J1121">
        <v>0</v>
      </c>
      <c r="K1121">
        <v>833962</v>
      </c>
      <c r="L1121">
        <v>833963</v>
      </c>
      <c r="M1121">
        <v>100</v>
      </c>
      <c r="N1121" t="s">
        <v>1</v>
      </c>
      <c r="O1121" s="1">
        <v>43320.061805555553</v>
      </c>
      <c r="P1121" s="1">
        <v>43320.093055555553</v>
      </c>
    </row>
    <row r="1122" spans="1:16" x14ac:dyDescent="0.4">
      <c r="A1122">
        <v>3880</v>
      </c>
      <c r="B1122">
        <v>188433</v>
      </c>
      <c r="C1122" s="1">
        <v>43319</v>
      </c>
      <c r="D1122">
        <v>90</v>
      </c>
      <c r="E1122">
        <v>71</v>
      </c>
      <c r="F1122" t="s">
        <v>91</v>
      </c>
      <c r="G1122">
        <v>18</v>
      </c>
      <c r="H1122">
        <v>400</v>
      </c>
      <c r="I1122">
        <v>1</v>
      </c>
      <c r="J1122">
        <v>0</v>
      </c>
      <c r="K1122">
        <v>833964</v>
      </c>
      <c r="L1122">
        <v>833965</v>
      </c>
      <c r="M1122">
        <v>100</v>
      </c>
      <c r="N1122" t="s">
        <v>1</v>
      </c>
      <c r="O1122" s="1">
        <v>43320.076388888891</v>
      </c>
      <c r="P1122" s="1">
        <v>43320.093055555553</v>
      </c>
    </row>
    <row r="1123" spans="1:16" x14ac:dyDescent="0.4">
      <c r="A1123">
        <v>3881</v>
      </c>
      <c r="B1123">
        <v>188433</v>
      </c>
      <c r="C1123" s="1">
        <v>43319</v>
      </c>
      <c r="D1123">
        <v>186</v>
      </c>
      <c r="E1123">
        <v>225</v>
      </c>
      <c r="F1123" t="s">
        <v>34</v>
      </c>
      <c r="G1123">
        <v>18</v>
      </c>
      <c r="H1123">
        <v>350</v>
      </c>
      <c r="I1123">
        <v>1</v>
      </c>
      <c r="J1123">
        <v>0</v>
      </c>
      <c r="K1123">
        <v>833966</v>
      </c>
      <c r="L1123">
        <v>833967</v>
      </c>
      <c r="M1123">
        <v>100</v>
      </c>
      <c r="N1123" t="s">
        <v>1</v>
      </c>
      <c r="O1123" s="1">
        <v>43320.079861111109</v>
      </c>
      <c r="P1123" s="1">
        <v>43320.093055555553</v>
      </c>
    </row>
    <row r="1124" spans="1:16" x14ac:dyDescent="0.4">
      <c r="A1124">
        <v>3882</v>
      </c>
      <c r="B1124">
        <v>188433</v>
      </c>
      <c r="C1124" s="1">
        <v>43319</v>
      </c>
      <c r="D1124">
        <v>90</v>
      </c>
      <c r="E1124">
        <v>71</v>
      </c>
      <c r="F1124" t="s">
        <v>91</v>
      </c>
      <c r="G1124">
        <v>18</v>
      </c>
      <c r="H1124">
        <v>400</v>
      </c>
      <c r="I1124">
        <v>1</v>
      </c>
      <c r="J1124">
        <v>0</v>
      </c>
      <c r="K1124">
        <v>833968</v>
      </c>
      <c r="L1124">
        <v>833969</v>
      </c>
      <c r="M1124">
        <v>100</v>
      </c>
      <c r="N1124" t="s">
        <v>1</v>
      </c>
      <c r="O1124" s="1">
        <v>43320.09097222222</v>
      </c>
      <c r="P1124" s="1">
        <v>43320.093055555553</v>
      </c>
    </row>
    <row r="1125" spans="1:16" x14ac:dyDescent="0.4">
      <c r="A1125">
        <v>4313</v>
      </c>
      <c r="B1125">
        <v>224372</v>
      </c>
      <c r="C1125" s="1">
        <v>43845</v>
      </c>
      <c r="D1125">
        <v>75</v>
      </c>
      <c r="E1125">
        <v>56</v>
      </c>
      <c r="F1125" t="s">
        <v>49</v>
      </c>
      <c r="G1125">
        <v>6</v>
      </c>
      <c r="H1125">
        <v>400</v>
      </c>
      <c r="I1125">
        <v>2</v>
      </c>
      <c r="J1125">
        <v>0</v>
      </c>
      <c r="K1125">
        <v>979835</v>
      </c>
      <c r="L1125">
        <v>979836</v>
      </c>
      <c r="M1125">
        <v>90</v>
      </c>
      <c r="N1125" t="s">
        <v>158</v>
      </c>
      <c r="O1125" s="1">
        <v>43845.89166666667</v>
      </c>
      <c r="P1125" s="1">
        <v>43845.893750000003</v>
      </c>
    </row>
    <row r="1126" spans="1:16" x14ac:dyDescent="0.4">
      <c r="A1126">
        <v>4457</v>
      </c>
      <c r="B1126">
        <v>242187</v>
      </c>
      <c r="C1126" s="1">
        <v>44262</v>
      </c>
      <c r="D1126">
        <v>125</v>
      </c>
      <c r="E1126">
        <v>126</v>
      </c>
      <c r="F1126" t="s">
        <v>159</v>
      </c>
      <c r="G1126">
        <v>3</v>
      </c>
      <c r="H1126">
        <v>280</v>
      </c>
      <c r="I1126">
        <v>1</v>
      </c>
      <c r="J1126">
        <v>0</v>
      </c>
      <c r="K1126">
        <v>1045291</v>
      </c>
      <c r="L1126">
        <v>1045292</v>
      </c>
      <c r="M1126">
        <v>109</v>
      </c>
      <c r="N1126" t="s">
        <v>99</v>
      </c>
      <c r="O1126" s="1">
        <v>44262.572916666664</v>
      </c>
      <c r="P1126" s="1">
        <v>44262.57708333333</v>
      </c>
    </row>
    <row r="1127" spans="1:16" x14ac:dyDescent="0.4">
      <c r="A1127">
        <v>4458</v>
      </c>
      <c r="B1127">
        <v>242582</v>
      </c>
      <c r="C1127" s="1">
        <v>44270</v>
      </c>
      <c r="D1127">
        <v>280</v>
      </c>
      <c r="E1127">
        <v>1266</v>
      </c>
      <c r="F1127" t="s">
        <v>162</v>
      </c>
      <c r="G1127">
        <v>13</v>
      </c>
      <c r="H1127">
        <v>540</v>
      </c>
      <c r="I1127">
        <v>1</v>
      </c>
      <c r="J1127">
        <v>0</v>
      </c>
      <c r="K1127">
        <v>1046653</v>
      </c>
      <c r="L1127">
        <v>1046654</v>
      </c>
      <c r="M1127">
        <v>85</v>
      </c>
      <c r="N1127" t="s">
        <v>15</v>
      </c>
      <c r="O1127" s="1">
        <v>44270.786111111112</v>
      </c>
      <c r="P1127" s="1">
        <v>44270.790972222225</v>
      </c>
    </row>
    <row r="1128" spans="1:16" x14ac:dyDescent="0.4">
      <c r="A1128">
        <v>4459</v>
      </c>
      <c r="B1128">
        <v>242837</v>
      </c>
      <c r="C1128" s="1">
        <v>44275</v>
      </c>
      <c r="D1128">
        <v>97</v>
      </c>
      <c r="E1128">
        <v>21</v>
      </c>
      <c r="F1128" t="s">
        <v>214</v>
      </c>
      <c r="G1128">
        <v>3</v>
      </c>
      <c r="H1128">
        <v>420</v>
      </c>
      <c r="I1128">
        <v>3</v>
      </c>
      <c r="J1128">
        <v>0</v>
      </c>
      <c r="K1128">
        <v>1047570</v>
      </c>
      <c r="L1128">
        <v>1047571</v>
      </c>
      <c r="M1128">
        <v>108</v>
      </c>
      <c r="N1128" t="s">
        <v>40</v>
      </c>
      <c r="O1128" s="1">
        <v>44275.975694444445</v>
      </c>
      <c r="P1128" s="1">
        <v>44275.976388888892</v>
      </c>
    </row>
    <row r="1129" spans="1:16" x14ac:dyDescent="0.4">
      <c r="A1129">
        <v>3288</v>
      </c>
      <c r="B1129">
        <v>148795</v>
      </c>
      <c r="C1129" s="1">
        <v>42749</v>
      </c>
      <c r="D1129">
        <v>125</v>
      </c>
      <c r="E1129">
        <v>126</v>
      </c>
      <c r="F1129" t="s">
        <v>8</v>
      </c>
      <c r="G1129">
        <v>6</v>
      </c>
      <c r="H1129">
        <v>380</v>
      </c>
      <c r="I1129">
        <v>1</v>
      </c>
      <c r="J1129">
        <v>0</v>
      </c>
      <c r="K1129">
        <v>658043</v>
      </c>
      <c r="L1129">
        <v>658044</v>
      </c>
      <c r="M1129">
        <v>29</v>
      </c>
      <c r="O1129" s="1">
        <v>42750.07708333333</v>
      </c>
      <c r="P1129" s="1">
        <v>42750.07708333333</v>
      </c>
    </row>
    <row r="1130" spans="1:16" x14ac:dyDescent="0.4">
      <c r="A1130">
        <v>3300</v>
      </c>
      <c r="B1130">
        <v>149662</v>
      </c>
      <c r="C1130" s="1">
        <v>42763</v>
      </c>
      <c r="D1130">
        <v>125</v>
      </c>
      <c r="E1130">
        <v>126</v>
      </c>
      <c r="F1130" t="s">
        <v>8</v>
      </c>
      <c r="G1130">
        <v>5</v>
      </c>
      <c r="H1130">
        <v>380</v>
      </c>
      <c r="I1130">
        <v>1</v>
      </c>
      <c r="J1130">
        <v>0</v>
      </c>
      <c r="K1130">
        <v>661901</v>
      </c>
      <c r="L1130">
        <v>661902</v>
      </c>
      <c r="M1130">
        <v>100</v>
      </c>
      <c r="N1130" t="s">
        <v>1</v>
      </c>
      <c r="O1130" s="1">
        <v>42763.844444444447</v>
      </c>
      <c r="P1130" s="1">
        <v>42763.844444444447</v>
      </c>
    </row>
    <row r="1131" spans="1:16" x14ac:dyDescent="0.4">
      <c r="A1131">
        <v>3301</v>
      </c>
      <c r="B1131">
        <v>149704</v>
      </c>
      <c r="C1131" s="1">
        <v>42763</v>
      </c>
      <c r="D1131">
        <v>320</v>
      </c>
      <c r="E1131">
        <v>233</v>
      </c>
      <c r="F1131" t="s">
        <v>223</v>
      </c>
      <c r="G1131">
        <v>17</v>
      </c>
      <c r="H1131">
        <v>480</v>
      </c>
      <c r="I1131">
        <v>1</v>
      </c>
      <c r="J1131">
        <v>0</v>
      </c>
      <c r="K1131">
        <v>662183</v>
      </c>
      <c r="L1131">
        <v>662184</v>
      </c>
      <c r="M1131">
        <v>1</v>
      </c>
      <c r="N1131" t="s">
        <v>12</v>
      </c>
      <c r="O1131" s="1">
        <v>42764.184027777781</v>
      </c>
      <c r="P1131" s="1">
        <v>42764.18472222222</v>
      </c>
    </row>
    <row r="1132" spans="1:16" x14ac:dyDescent="0.4">
      <c r="A1132">
        <v>3302</v>
      </c>
      <c r="B1132">
        <v>149704</v>
      </c>
      <c r="C1132" s="1">
        <v>42763</v>
      </c>
      <c r="D1132">
        <v>99</v>
      </c>
      <c r="E1132">
        <v>23</v>
      </c>
      <c r="F1132" t="s">
        <v>103</v>
      </c>
      <c r="G1132">
        <v>17</v>
      </c>
      <c r="H1132">
        <v>480</v>
      </c>
      <c r="I1132">
        <v>1</v>
      </c>
      <c r="J1132">
        <v>0</v>
      </c>
      <c r="K1132">
        <v>662185</v>
      </c>
      <c r="L1132">
        <v>662186</v>
      </c>
      <c r="M1132">
        <v>1</v>
      </c>
      <c r="N1132" t="s">
        <v>12</v>
      </c>
      <c r="O1132" s="1">
        <v>42764.184027777781</v>
      </c>
      <c r="P1132" s="1">
        <v>42764.18472222222</v>
      </c>
    </row>
    <row r="1133" spans="1:16" x14ac:dyDescent="0.4">
      <c r="A1133">
        <v>3319</v>
      </c>
      <c r="B1133">
        <v>151459</v>
      </c>
      <c r="C1133" s="1">
        <v>42789</v>
      </c>
      <c r="D1133">
        <v>157</v>
      </c>
      <c r="E1133">
        <v>113</v>
      </c>
      <c r="F1133" t="s">
        <v>59</v>
      </c>
      <c r="G1133">
        <v>8</v>
      </c>
      <c r="H1133">
        <v>550</v>
      </c>
      <c r="I1133">
        <v>1</v>
      </c>
      <c r="J1133">
        <v>0</v>
      </c>
      <c r="K1133">
        <v>669884</v>
      </c>
      <c r="L1133">
        <v>669885</v>
      </c>
      <c r="M1133">
        <v>107</v>
      </c>
      <c r="N1133" t="s">
        <v>30</v>
      </c>
      <c r="O1133" s="1">
        <v>42789.790277777778</v>
      </c>
      <c r="P1133" s="1">
        <v>42789.8125</v>
      </c>
    </row>
    <row r="1134" spans="1:16" x14ac:dyDescent="0.4">
      <c r="A1134">
        <v>3324</v>
      </c>
      <c r="B1134">
        <v>151666</v>
      </c>
      <c r="C1134" s="1">
        <v>42791</v>
      </c>
      <c r="D1134">
        <v>162</v>
      </c>
      <c r="E1134">
        <v>116</v>
      </c>
      <c r="F1134" t="s">
        <v>81</v>
      </c>
      <c r="G1134">
        <v>7</v>
      </c>
      <c r="H1134">
        <v>550</v>
      </c>
      <c r="I1134">
        <v>1</v>
      </c>
      <c r="J1134">
        <v>0</v>
      </c>
      <c r="K1134">
        <v>670872</v>
      </c>
      <c r="L1134">
        <v>670873</v>
      </c>
      <c r="M1134">
        <v>29</v>
      </c>
      <c r="O1134" s="1">
        <v>42792.134722222225</v>
      </c>
      <c r="P1134" s="1">
        <v>42792.137499999997</v>
      </c>
    </row>
    <row r="1135" spans="1:16" x14ac:dyDescent="0.4">
      <c r="A1135">
        <v>3345</v>
      </c>
      <c r="B1135">
        <v>152694</v>
      </c>
      <c r="C1135" s="1">
        <v>42805</v>
      </c>
      <c r="D1135">
        <v>263</v>
      </c>
      <c r="E1135">
        <v>430</v>
      </c>
      <c r="F1135" t="s">
        <v>133</v>
      </c>
      <c r="G1135">
        <v>1</v>
      </c>
      <c r="H1135">
        <v>320</v>
      </c>
      <c r="I1135">
        <v>1</v>
      </c>
      <c r="J1135">
        <v>0</v>
      </c>
      <c r="K1135">
        <v>675424</v>
      </c>
      <c r="L1135">
        <v>675425</v>
      </c>
      <c r="M1135">
        <v>1</v>
      </c>
      <c r="N1135" t="s">
        <v>12</v>
      </c>
      <c r="O1135" s="1">
        <v>42806.081250000003</v>
      </c>
      <c r="P1135" s="1">
        <v>42806.081944444442</v>
      </c>
    </row>
    <row r="1136" spans="1:16" x14ac:dyDescent="0.4">
      <c r="A1136">
        <v>3347</v>
      </c>
      <c r="B1136">
        <v>152827</v>
      </c>
      <c r="C1136" s="1">
        <v>42807</v>
      </c>
      <c r="D1136">
        <v>147</v>
      </c>
      <c r="E1136">
        <v>1131</v>
      </c>
      <c r="F1136" t="s">
        <v>21</v>
      </c>
      <c r="G1136">
        <v>7</v>
      </c>
      <c r="H1136">
        <v>450</v>
      </c>
      <c r="I1136">
        <v>1</v>
      </c>
      <c r="J1136">
        <v>0</v>
      </c>
      <c r="K1136">
        <v>675997</v>
      </c>
      <c r="L1136">
        <v>675998</v>
      </c>
      <c r="M1136">
        <v>97</v>
      </c>
      <c r="N1136" t="s">
        <v>17</v>
      </c>
      <c r="O1136" s="1">
        <v>42808.071527777778</v>
      </c>
      <c r="P1136" s="1">
        <v>42808.071527777778</v>
      </c>
    </row>
    <row r="1137" spans="1:16" x14ac:dyDescent="0.4">
      <c r="A1137">
        <v>3357</v>
      </c>
      <c r="B1137">
        <v>153284</v>
      </c>
      <c r="C1137" s="1">
        <v>42813</v>
      </c>
      <c r="D1137">
        <v>125</v>
      </c>
      <c r="E1137">
        <v>126</v>
      </c>
      <c r="F1137" t="s">
        <v>8</v>
      </c>
      <c r="G1137">
        <v>7</v>
      </c>
      <c r="H1137">
        <v>380</v>
      </c>
      <c r="I1137">
        <v>1</v>
      </c>
      <c r="J1137">
        <v>0</v>
      </c>
      <c r="K1137">
        <v>678092</v>
      </c>
      <c r="L1137">
        <v>678093</v>
      </c>
      <c r="M1137">
        <v>29</v>
      </c>
      <c r="O1137" s="1">
        <v>42814.201388888891</v>
      </c>
      <c r="P1137" s="1">
        <v>42814.252083333333</v>
      </c>
    </row>
    <row r="1138" spans="1:16" x14ac:dyDescent="0.4">
      <c r="A1138">
        <v>3601</v>
      </c>
      <c r="B1138">
        <v>163876</v>
      </c>
      <c r="C1138" s="1">
        <v>42962</v>
      </c>
      <c r="D1138">
        <v>143</v>
      </c>
      <c r="E1138">
        <v>123</v>
      </c>
      <c r="F1138" t="s">
        <v>168</v>
      </c>
      <c r="G1138">
        <v>3</v>
      </c>
      <c r="H1138">
        <v>350</v>
      </c>
      <c r="I1138">
        <v>1</v>
      </c>
      <c r="J1138">
        <v>0</v>
      </c>
      <c r="K1138">
        <v>725809</v>
      </c>
      <c r="L1138">
        <v>725810</v>
      </c>
      <c r="M1138">
        <v>91</v>
      </c>
      <c r="N1138" t="s">
        <v>24</v>
      </c>
      <c r="O1138" s="1">
        <v>42962.837500000001</v>
      </c>
      <c r="P1138" s="1">
        <v>42962.871527777781</v>
      </c>
    </row>
    <row r="1139" spans="1:16" x14ac:dyDescent="0.4">
      <c r="A1139">
        <v>3604</v>
      </c>
      <c r="B1139">
        <v>163917</v>
      </c>
      <c r="C1139" s="1">
        <v>42962</v>
      </c>
      <c r="D1139">
        <v>148</v>
      </c>
      <c r="E1139">
        <v>124</v>
      </c>
      <c r="F1139" t="s">
        <v>35</v>
      </c>
      <c r="G1139">
        <v>4</v>
      </c>
      <c r="H1139">
        <v>450</v>
      </c>
      <c r="I1139">
        <v>1</v>
      </c>
      <c r="J1139">
        <v>0</v>
      </c>
      <c r="K1139">
        <v>726038</v>
      </c>
      <c r="L1139">
        <v>726039</v>
      </c>
      <c r="M1139">
        <v>99</v>
      </c>
      <c r="N1139" t="s">
        <v>43</v>
      </c>
      <c r="O1139" s="1">
        <v>42963.142361111109</v>
      </c>
      <c r="P1139" s="1">
        <v>42963.143750000003</v>
      </c>
    </row>
    <row r="1140" spans="1:16" x14ac:dyDescent="0.4">
      <c r="A1140">
        <v>3611</v>
      </c>
      <c r="B1140">
        <v>164263</v>
      </c>
      <c r="C1140" s="1">
        <v>42966</v>
      </c>
      <c r="D1140">
        <v>125</v>
      </c>
      <c r="E1140">
        <v>126</v>
      </c>
      <c r="F1140" t="s">
        <v>8</v>
      </c>
      <c r="G1140">
        <v>14</v>
      </c>
      <c r="H1140">
        <v>380</v>
      </c>
      <c r="I1140">
        <v>1</v>
      </c>
      <c r="J1140">
        <v>0</v>
      </c>
      <c r="K1140">
        <v>727601</v>
      </c>
      <c r="L1140">
        <v>727602</v>
      </c>
      <c r="M1140">
        <v>84</v>
      </c>
      <c r="N1140" t="s">
        <v>79</v>
      </c>
      <c r="O1140" s="1">
        <v>42967.124305555553</v>
      </c>
      <c r="P1140" s="1">
        <v>42967.135416666664</v>
      </c>
    </row>
    <row r="1141" spans="1:16" x14ac:dyDescent="0.4">
      <c r="A1141">
        <v>3615</v>
      </c>
      <c r="B1141">
        <v>164612</v>
      </c>
      <c r="C1141" s="1">
        <v>42971</v>
      </c>
      <c r="D1141">
        <v>66</v>
      </c>
      <c r="E1141">
        <v>39</v>
      </c>
      <c r="F1141" t="s">
        <v>135</v>
      </c>
      <c r="G1141">
        <v>2</v>
      </c>
      <c r="H1141">
        <v>320</v>
      </c>
      <c r="I1141">
        <v>1</v>
      </c>
      <c r="J1141">
        <v>0</v>
      </c>
      <c r="K1141">
        <v>728958</v>
      </c>
      <c r="L1141">
        <v>728959</v>
      </c>
      <c r="M1141">
        <v>102</v>
      </c>
      <c r="N1141" t="s">
        <v>27</v>
      </c>
      <c r="O1141" s="1">
        <v>42971.856944444444</v>
      </c>
      <c r="P1141" s="1">
        <v>42971.865972222222</v>
      </c>
    </row>
    <row r="1142" spans="1:16" x14ac:dyDescent="0.4">
      <c r="A1142">
        <v>3848</v>
      </c>
      <c r="B1142">
        <v>184856</v>
      </c>
      <c r="C1142" s="1">
        <v>43261</v>
      </c>
      <c r="D1142">
        <v>213</v>
      </c>
      <c r="E1142">
        <v>211</v>
      </c>
      <c r="F1142" t="s">
        <v>46</v>
      </c>
      <c r="G1142">
        <v>6</v>
      </c>
      <c r="H1142">
        <v>0</v>
      </c>
      <c r="I1142">
        <v>3</v>
      </c>
      <c r="J1142">
        <v>0</v>
      </c>
      <c r="K1142">
        <v>818618</v>
      </c>
      <c r="L1142">
        <v>818619</v>
      </c>
      <c r="M1142">
        <v>99</v>
      </c>
      <c r="N1142" t="s">
        <v>43</v>
      </c>
      <c r="O1142" s="1">
        <v>43261.795138888891</v>
      </c>
      <c r="P1142" s="1">
        <v>43261.810416666667</v>
      </c>
    </row>
    <row r="1143" spans="1:16" x14ac:dyDescent="0.4">
      <c r="A1143">
        <v>3850</v>
      </c>
      <c r="B1143">
        <v>185669</v>
      </c>
      <c r="C1143" s="1">
        <v>43274</v>
      </c>
      <c r="D1143">
        <v>76</v>
      </c>
      <c r="E1143">
        <v>51</v>
      </c>
      <c r="F1143" t="s">
        <v>33</v>
      </c>
      <c r="G1143">
        <v>11</v>
      </c>
      <c r="H1143">
        <v>400</v>
      </c>
      <c r="I1143">
        <v>1</v>
      </c>
      <c r="J1143">
        <v>0</v>
      </c>
      <c r="K1143">
        <v>822112</v>
      </c>
      <c r="L1143">
        <v>822113</v>
      </c>
      <c r="M1143">
        <v>108</v>
      </c>
      <c r="N1143" t="s">
        <v>40</v>
      </c>
      <c r="O1143" s="1">
        <v>43274.89166666667</v>
      </c>
      <c r="P1143" s="1">
        <v>43274.932638888888</v>
      </c>
    </row>
    <row r="1144" spans="1:16" x14ac:dyDescent="0.4">
      <c r="A1144">
        <v>3851</v>
      </c>
      <c r="B1144">
        <v>185669</v>
      </c>
      <c r="C1144" s="1">
        <v>43274</v>
      </c>
      <c r="D1144">
        <v>188</v>
      </c>
      <c r="E1144">
        <v>227</v>
      </c>
      <c r="F1144" t="s">
        <v>113</v>
      </c>
      <c r="G1144">
        <v>11</v>
      </c>
      <c r="H1144">
        <v>280</v>
      </c>
      <c r="I1144">
        <v>1</v>
      </c>
      <c r="J1144">
        <v>0</v>
      </c>
      <c r="K1144">
        <v>822114</v>
      </c>
      <c r="L1144">
        <v>822115</v>
      </c>
      <c r="M1144">
        <v>108</v>
      </c>
      <c r="N1144" t="s">
        <v>40</v>
      </c>
      <c r="O1144" s="1">
        <v>43274.89166666667</v>
      </c>
      <c r="P1144" s="1">
        <v>43274.932638888888</v>
      </c>
    </row>
    <row r="1145" spans="1:16" x14ac:dyDescent="0.4">
      <c r="A1145">
        <v>3852</v>
      </c>
      <c r="B1145">
        <v>185669</v>
      </c>
      <c r="C1145" s="1">
        <v>43274</v>
      </c>
      <c r="D1145">
        <v>76</v>
      </c>
      <c r="E1145">
        <v>51</v>
      </c>
      <c r="F1145" t="s">
        <v>33</v>
      </c>
      <c r="G1145">
        <v>11</v>
      </c>
      <c r="H1145">
        <v>400</v>
      </c>
      <c r="I1145">
        <v>1</v>
      </c>
      <c r="J1145">
        <v>0</v>
      </c>
      <c r="K1145">
        <v>822116</v>
      </c>
      <c r="L1145">
        <v>822117</v>
      </c>
      <c r="M1145">
        <v>108</v>
      </c>
      <c r="N1145" t="s">
        <v>40</v>
      </c>
      <c r="O1145" s="1">
        <v>43274.920138888891</v>
      </c>
      <c r="P1145" s="1">
        <v>43274.932638888888</v>
      </c>
    </row>
    <row r="1146" spans="1:16" x14ac:dyDescent="0.4">
      <c r="A1146">
        <v>3853</v>
      </c>
      <c r="B1146">
        <v>185669</v>
      </c>
      <c r="C1146" s="1">
        <v>43274</v>
      </c>
      <c r="D1146">
        <v>125</v>
      </c>
      <c r="E1146">
        <v>126</v>
      </c>
      <c r="F1146" t="s">
        <v>8</v>
      </c>
      <c r="G1146">
        <v>11</v>
      </c>
      <c r="H1146">
        <v>380</v>
      </c>
      <c r="I1146">
        <v>1</v>
      </c>
      <c r="J1146">
        <v>0</v>
      </c>
      <c r="K1146">
        <v>822118</v>
      </c>
      <c r="L1146">
        <v>822119</v>
      </c>
      <c r="M1146">
        <v>108</v>
      </c>
      <c r="N1146" t="s">
        <v>40</v>
      </c>
      <c r="O1146" s="1">
        <v>43274.920138888891</v>
      </c>
      <c r="P1146" s="1">
        <v>43274.932638888888</v>
      </c>
    </row>
    <row r="1147" spans="1:16" x14ac:dyDescent="0.4">
      <c r="A1147">
        <v>3854</v>
      </c>
      <c r="B1147">
        <v>185669</v>
      </c>
      <c r="C1147" s="1">
        <v>43274</v>
      </c>
      <c r="D1147">
        <v>188</v>
      </c>
      <c r="E1147">
        <v>227</v>
      </c>
      <c r="F1147" t="s">
        <v>113</v>
      </c>
      <c r="G1147">
        <v>11</v>
      </c>
      <c r="H1147">
        <v>0</v>
      </c>
      <c r="I1147">
        <v>1</v>
      </c>
      <c r="J1147">
        <v>0</v>
      </c>
      <c r="K1147">
        <v>822120</v>
      </c>
      <c r="L1147">
        <v>822121</v>
      </c>
      <c r="M1147">
        <v>108</v>
      </c>
      <c r="N1147" t="s">
        <v>40</v>
      </c>
      <c r="O1147" s="1">
        <v>43274.931944444441</v>
      </c>
      <c r="P1147" s="1">
        <v>43274.932638888888</v>
      </c>
    </row>
    <row r="1148" spans="1:16" x14ac:dyDescent="0.4">
      <c r="A1148">
        <v>3855</v>
      </c>
      <c r="B1148">
        <v>185683</v>
      </c>
      <c r="C1148" s="1">
        <v>43274</v>
      </c>
      <c r="D1148">
        <v>89</v>
      </c>
      <c r="E1148">
        <v>70</v>
      </c>
      <c r="F1148" t="s">
        <v>10</v>
      </c>
      <c r="G1148">
        <v>16</v>
      </c>
      <c r="H1148">
        <v>400</v>
      </c>
      <c r="I1148">
        <v>2</v>
      </c>
      <c r="J1148">
        <v>0</v>
      </c>
      <c r="K1148">
        <v>822205</v>
      </c>
      <c r="L1148">
        <v>822206</v>
      </c>
      <c r="M1148">
        <v>108</v>
      </c>
      <c r="N1148" t="s">
        <v>40</v>
      </c>
      <c r="O1148" s="1">
        <v>43275.004166666666</v>
      </c>
      <c r="P1148" s="1">
        <v>43275.012499999997</v>
      </c>
    </row>
    <row r="1149" spans="1:16" x14ac:dyDescent="0.4">
      <c r="A1149">
        <v>3856</v>
      </c>
      <c r="B1149">
        <v>185683</v>
      </c>
      <c r="C1149" s="1">
        <v>43274</v>
      </c>
      <c r="D1149">
        <v>95</v>
      </c>
      <c r="E1149">
        <v>76</v>
      </c>
      <c r="F1149" t="s">
        <v>222</v>
      </c>
      <c r="G1149">
        <v>16</v>
      </c>
      <c r="H1149">
        <v>400</v>
      </c>
      <c r="I1149">
        <v>1</v>
      </c>
      <c r="J1149">
        <v>0</v>
      </c>
      <c r="K1149">
        <v>822207</v>
      </c>
      <c r="L1149">
        <v>822208</v>
      </c>
      <c r="M1149">
        <v>108</v>
      </c>
      <c r="N1149" t="s">
        <v>40</v>
      </c>
      <c r="O1149" s="1">
        <v>43275.004166666666</v>
      </c>
      <c r="P1149" s="1">
        <v>43275.012499999997</v>
      </c>
    </row>
    <row r="1150" spans="1:16" x14ac:dyDescent="0.4">
      <c r="A1150">
        <v>3858</v>
      </c>
      <c r="B1150">
        <v>186291</v>
      </c>
      <c r="C1150" s="1">
        <v>43283</v>
      </c>
      <c r="D1150">
        <v>97</v>
      </c>
      <c r="E1150">
        <v>21</v>
      </c>
      <c r="F1150" t="s">
        <v>117</v>
      </c>
      <c r="G1150">
        <v>1</v>
      </c>
      <c r="H1150">
        <v>420</v>
      </c>
      <c r="I1150">
        <v>1</v>
      </c>
      <c r="J1150">
        <v>0</v>
      </c>
      <c r="K1150">
        <v>824895</v>
      </c>
      <c r="L1150">
        <v>824896</v>
      </c>
      <c r="M1150">
        <v>29</v>
      </c>
      <c r="N1150" t="s">
        <v>97</v>
      </c>
      <c r="O1150" s="1">
        <v>43284.171527777777</v>
      </c>
      <c r="P1150" s="1">
        <v>43284.175000000003</v>
      </c>
    </row>
    <row r="1151" spans="1:16" x14ac:dyDescent="0.4">
      <c r="A1151">
        <v>3869</v>
      </c>
      <c r="B1151">
        <v>188067</v>
      </c>
      <c r="C1151" s="1">
        <v>43312</v>
      </c>
      <c r="D1151">
        <v>84</v>
      </c>
      <c r="E1151">
        <v>65</v>
      </c>
      <c r="F1151" t="s">
        <v>71</v>
      </c>
      <c r="G1151">
        <v>6</v>
      </c>
      <c r="H1151">
        <v>400</v>
      </c>
      <c r="I1151">
        <v>2</v>
      </c>
      <c r="J1151">
        <v>0</v>
      </c>
      <c r="K1151">
        <v>832458</v>
      </c>
      <c r="L1151">
        <v>832459</v>
      </c>
      <c r="M1151">
        <v>29</v>
      </c>
      <c r="N1151" t="s">
        <v>97</v>
      </c>
      <c r="O1151" s="1">
        <v>43312.896527777775</v>
      </c>
      <c r="P1151" s="1">
        <v>43312.899305555555</v>
      </c>
    </row>
    <row r="1152" spans="1:16" x14ac:dyDescent="0.4">
      <c r="A1152">
        <v>3937</v>
      </c>
      <c r="B1152">
        <v>194823</v>
      </c>
      <c r="C1152" s="1">
        <v>43415</v>
      </c>
      <c r="D1152">
        <v>57</v>
      </c>
      <c r="E1152">
        <v>30</v>
      </c>
      <c r="F1152" t="s">
        <v>60</v>
      </c>
      <c r="G1152">
        <v>3</v>
      </c>
      <c r="H1152">
        <v>320</v>
      </c>
      <c r="I1152">
        <v>1</v>
      </c>
      <c r="J1152">
        <v>0</v>
      </c>
      <c r="K1152">
        <v>860090</v>
      </c>
      <c r="L1152">
        <v>860091</v>
      </c>
      <c r="M1152">
        <v>85</v>
      </c>
      <c r="N1152" t="s">
        <v>124</v>
      </c>
      <c r="O1152" s="1">
        <v>43415.848611111112</v>
      </c>
      <c r="P1152" s="1">
        <v>43415.848611111112</v>
      </c>
    </row>
    <row r="1153" spans="1:16" x14ac:dyDescent="0.4">
      <c r="A1153">
        <v>4251</v>
      </c>
      <c r="B1153">
        <v>218215</v>
      </c>
      <c r="C1153" s="1">
        <v>43752</v>
      </c>
      <c r="D1153">
        <v>213</v>
      </c>
      <c r="E1153">
        <v>211</v>
      </c>
      <c r="F1153" t="s">
        <v>180</v>
      </c>
      <c r="G1153">
        <v>4</v>
      </c>
      <c r="H1153">
        <v>0</v>
      </c>
      <c r="I1153">
        <v>1</v>
      </c>
      <c r="J1153">
        <v>0</v>
      </c>
      <c r="K1153">
        <v>954769</v>
      </c>
      <c r="L1153">
        <v>954770</v>
      </c>
      <c r="M1153">
        <v>94</v>
      </c>
      <c r="N1153" t="s">
        <v>183</v>
      </c>
      <c r="O1153" s="1">
        <v>43753.11041666667</v>
      </c>
      <c r="P1153" s="1">
        <v>43753.243750000001</v>
      </c>
    </row>
    <row r="1154" spans="1:16" x14ac:dyDescent="0.4">
      <c r="A1154">
        <v>4252</v>
      </c>
      <c r="B1154">
        <v>218215</v>
      </c>
      <c r="C1154" s="1">
        <v>43752</v>
      </c>
      <c r="D1154">
        <v>213</v>
      </c>
      <c r="E1154">
        <v>211</v>
      </c>
      <c r="F1154" t="s">
        <v>180</v>
      </c>
      <c r="G1154">
        <v>4</v>
      </c>
      <c r="H1154">
        <v>0</v>
      </c>
      <c r="I1154">
        <v>1</v>
      </c>
      <c r="J1154">
        <v>0</v>
      </c>
      <c r="K1154">
        <v>954771</v>
      </c>
      <c r="L1154">
        <v>954772</v>
      </c>
      <c r="M1154">
        <v>94</v>
      </c>
      <c r="N1154" t="s">
        <v>183</v>
      </c>
      <c r="O1154" s="1">
        <v>43753.123611111114</v>
      </c>
      <c r="P1154" s="1">
        <v>43753.243750000001</v>
      </c>
    </row>
    <row r="1155" spans="1:16" x14ac:dyDescent="0.4">
      <c r="A1155">
        <v>4259</v>
      </c>
      <c r="B1155">
        <v>218442</v>
      </c>
      <c r="C1155" s="1">
        <v>43756</v>
      </c>
      <c r="D1155">
        <v>158</v>
      </c>
      <c r="E1155">
        <v>117</v>
      </c>
      <c r="F1155" t="s">
        <v>20</v>
      </c>
      <c r="G1155">
        <v>4</v>
      </c>
      <c r="H1155">
        <v>500</v>
      </c>
      <c r="I1155">
        <v>1</v>
      </c>
      <c r="J1155">
        <v>0</v>
      </c>
      <c r="K1155">
        <v>955714</v>
      </c>
      <c r="L1155">
        <v>955715</v>
      </c>
      <c r="M1155">
        <v>84</v>
      </c>
      <c r="N1155" t="s">
        <v>79</v>
      </c>
      <c r="O1155" s="1">
        <v>43757.148611111108</v>
      </c>
      <c r="P1155" s="1">
        <v>43757.155555555553</v>
      </c>
    </row>
    <row r="1156" spans="1:16" x14ac:dyDescent="0.4">
      <c r="A1156">
        <v>4335</v>
      </c>
      <c r="B1156">
        <v>225930</v>
      </c>
      <c r="C1156" s="1">
        <v>43869</v>
      </c>
      <c r="D1156">
        <v>88</v>
      </c>
      <c r="E1156">
        <v>69</v>
      </c>
      <c r="F1156" t="s">
        <v>55</v>
      </c>
      <c r="G1156">
        <v>8</v>
      </c>
      <c r="H1156">
        <v>0</v>
      </c>
      <c r="I1156">
        <v>1</v>
      </c>
      <c r="J1156">
        <v>0</v>
      </c>
      <c r="K1156">
        <v>986138</v>
      </c>
      <c r="L1156">
        <v>986139</v>
      </c>
      <c r="M1156">
        <v>100</v>
      </c>
      <c r="N1156" t="s">
        <v>1</v>
      </c>
      <c r="O1156" s="1">
        <v>43869.967361111114</v>
      </c>
      <c r="P1156" s="1">
        <v>43869.967361111114</v>
      </c>
    </row>
    <row r="1157" spans="1:16" x14ac:dyDescent="0.4">
      <c r="A1157">
        <v>4337</v>
      </c>
      <c r="B1157">
        <v>226003</v>
      </c>
      <c r="C1157" s="1">
        <v>43870</v>
      </c>
      <c r="D1157">
        <v>187</v>
      </c>
      <c r="E1157">
        <v>226</v>
      </c>
      <c r="F1157" t="s">
        <v>114</v>
      </c>
      <c r="G1157">
        <v>3</v>
      </c>
      <c r="H1157">
        <v>350</v>
      </c>
      <c r="I1157">
        <v>1</v>
      </c>
      <c r="J1157">
        <v>0</v>
      </c>
      <c r="K1157">
        <v>986463</v>
      </c>
      <c r="L1157">
        <v>986464</v>
      </c>
      <c r="M1157">
        <v>100</v>
      </c>
      <c r="N1157" t="s">
        <v>1</v>
      </c>
      <c r="O1157" s="1">
        <v>43870.902083333334</v>
      </c>
      <c r="P1157" s="1">
        <v>43870.970833333333</v>
      </c>
    </row>
    <row r="1158" spans="1:16" x14ac:dyDescent="0.4">
      <c r="A1158">
        <v>4338</v>
      </c>
      <c r="B1158">
        <v>226003</v>
      </c>
      <c r="C1158" s="1">
        <v>43870</v>
      </c>
      <c r="D1158">
        <v>186</v>
      </c>
      <c r="E1158">
        <v>225</v>
      </c>
      <c r="F1158" t="s">
        <v>34</v>
      </c>
      <c r="G1158">
        <v>3</v>
      </c>
      <c r="H1158">
        <v>350</v>
      </c>
      <c r="I1158">
        <v>1</v>
      </c>
      <c r="J1158">
        <v>0</v>
      </c>
      <c r="K1158">
        <v>986465</v>
      </c>
      <c r="L1158">
        <v>986466</v>
      </c>
      <c r="M1158">
        <v>100</v>
      </c>
      <c r="N1158" t="s">
        <v>1</v>
      </c>
      <c r="O1158" s="1">
        <v>43870.902083333334</v>
      </c>
      <c r="P1158" s="1">
        <v>43870.970833333333</v>
      </c>
    </row>
    <row r="1159" spans="1:16" x14ac:dyDescent="0.4">
      <c r="A1159">
        <v>4339</v>
      </c>
      <c r="B1159">
        <v>226003</v>
      </c>
      <c r="C1159" s="1">
        <v>43870</v>
      </c>
      <c r="D1159">
        <v>187</v>
      </c>
      <c r="E1159">
        <v>226</v>
      </c>
      <c r="F1159" t="s">
        <v>114</v>
      </c>
      <c r="G1159">
        <v>3</v>
      </c>
      <c r="H1159">
        <v>350</v>
      </c>
      <c r="I1159">
        <v>1</v>
      </c>
      <c r="J1159">
        <v>0</v>
      </c>
      <c r="K1159">
        <v>986467</v>
      </c>
      <c r="L1159">
        <v>986468</v>
      </c>
      <c r="M1159">
        <v>100</v>
      </c>
      <c r="N1159" t="s">
        <v>1</v>
      </c>
      <c r="O1159" s="1">
        <v>43870.929861111108</v>
      </c>
      <c r="P1159" s="1">
        <v>43870.970833333333</v>
      </c>
    </row>
    <row r="1160" spans="1:16" x14ac:dyDescent="0.4">
      <c r="A1160">
        <v>4340</v>
      </c>
      <c r="B1160">
        <v>226003</v>
      </c>
      <c r="C1160" s="1">
        <v>43870</v>
      </c>
      <c r="D1160">
        <v>84</v>
      </c>
      <c r="E1160">
        <v>65</v>
      </c>
      <c r="F1160" t="s">
        <v>71</v>
      </c>
      <c r="G1160">
        <v>3</v>
      </c>
      <c r="H1160">
        <v>400</v>
      </c>
      <c r="I1160">
        <v>1</v>
      </c>
      <c r="J1160">
        <v>0</v>
      </c>
      <c r="K1160">
        <v>986469</v>
      </c>
      <c r="L1160">
        <v>986470</v>
      </c>
      <c r="M1160">
        <v>100</v>
      </c>
      <c r="N1160" t="s">
        <v>1</v>
      </c>
      <c r="O1160" s="1">
        <v>43870.929861111108</v>
      </c>
      <c r="P1160" s="1">
        <v>43870.970833333333</v>
      </c>
    </row>
    <row r="1161" spans="1:16" x14ac:dyDescent="0.4">
      <c r="A1161">
        <v>4341</v>
      </c>
      <c r="B1161">
        <v>226003</v>
      </c>
      <c r="C1161" s="1">
        <v>43870</v>
      </c>
      <c r="D1161">
        <v>187</v>
      </c>
      <c r="E1161">
        <v>226</v>
      </c>
      <c r="F1161" t="s">
        <v>114</v>
      </c>
      <c r="G1161">
        <v>3</v>
      </c>
      <c r="H1161">
        <v>350</v>
      </c>
      <c r="I1161">
        <v>1</v>
      </c>
      <c r="J1161">
        <v>0</v>
      </c>
      <c r="K1161">
        <v>986471</v>
      </c>
      <c r="L1161">
        <v>986472</v>
      </c>
      <c r="M1161">
        <v>100</v>
      </c>
      <c r="N1161" t="s">
        <v>1</v>
      </c>
      <c r="O1161" s="1">
        <v>43870.945833333331</v>
      </c>
      <c r="P1161" s="1">
        <v>43870.970833333333</v>
      </c>
    </row>
    <row r="1162" spans="1:16" x14ac:dyDescent="0.4">
      <c r="A1162">
        <v>4342</v>
      </c>
      <c r="B1162">
        <v>226003</v>
      </c>
      <c r="C1162" s="1">
        <v>43870</v>
      </c>
      <c r="D1162">
        <v>69</v>
      </c>
      <c r="E1162">
        <v>50</v>
      </c>
      <c r="F1162" t="s">
        <v>18</v>
      </c>
      <c r="G1162">
        <v>3</v>
      </c>
      <c r="H1162">
        <v>480</v>
      </c>
      <c r="I1162">
        <v>1</v>
      </c>
      <c r="J1162">
        <v>0</v>
      </c>
      <c r="K1162">
        <v>986473</v>
      </c>
      <c r="L1162">
        <v>986474</v>
      </c>
      <c r="M1162">
        <v>100</v>
      </c>
      <c r="N1162" t="s">
        <v>1</v>
      </c>
      <c r="O1162" s="1">
        <v>43870.945833333331</v>
      </c>
      <c r="P1162" s="1">
        <v>43870.970833333333</v>
      </c>
    </row>
    <row r="1163" spans="1:16" x14ac:dyDescent="0.4">
      <c r="A1163">
        <v>4343</v>
      </c>
      <c r="B1163">
        <v>226003</v>
      </c>
      <c r="C1163" s="1">
        <v>43870</v>
      </c>
      <c r="D1163">
        <v>194</v>
      </c>
      <c r="E1163">
        <v>224</v>
      </c>
      <c r="F1163" t="s">
        <v>139</v>
      </c>
      <c r="G1163">
        <v>3</v>
      </c>
      <c r="H1163">
        <v>480</v>
      </c>
      <c r="I1163">
        <v>1</v>
      </c>
      <c r="J1163">
        <v>0</v>
      </c>
      <c r="K1163">
        <v>986475</v>
      </c>
      <c r="L1163">
        <v>986476</v>
      </c>
      <c r="M1163">
        <v>100</v>
      </c>
      <c r="N1163" t="s">
        <v>1</v>
      </c>
      <c r="O1163" s="1">
        <v>43870.970138888886</v>
      </c>
      <c r="P1163" s="1">
        <v>43870.970833333333</v>
      </c>
    </row>
    <row r="1164" spans="1:16" x14ac:dyDescent="0.4">
      <c r="A1164">
        <v>4461</v>
      </c>
      <c r="B1164">
        <v>242867</v>
      </c>
      <c r="C1164" s="1">
        <v>44276</v>
      </c>
      <c r="D1164">
        <v>280</v>
      </c>
      <c r="E1164">
        <v>1266</v>
      </c>
      <c r="F1164" t="s">
        <v>162</v>
      </c>
      <c r="G1164">
        <v>10</v>
      </c>
      <c r="H1164">
        <v>540</v>
      </c>
      <c r="I1164">
        <v>1</v>
      </c>
      <c r="J1164">
        <v>0</v>
      </c>
      <c r="K1164">
        <v>1047692</v>
      </c>
      <c r="L1164">
        <v>1047693</v>
      </c>
      <c r="M1164">
        <v>107</v>
      </c>
      <c r="N1164" t="s">
        <v>172</v>
      </c>
      <c r="O1164" s="1">
        <v>44276.594444444447</v>
      </c>
      <c r="P1164" s="1">
        <v>44276.604166666664</v>
      </c>
    </row>
    <row r="1165" spans="1:16" x14ac:dyDescent="0.4">
      <c r="A1165">
        <v>4462</v>
      </c>
      <c r="B1165">
        <v>243019</v>
      </c>
      <c r="C1165" s="1">
        <v>44279</v>
      </c>
      <c r="D1165">
        <v>248</v>
      </c>
      <c r="E1165">
        <v>240</v>
      </c>
      <c r="F1165" t="s">
        <v>104</v>
      </c>
      <c r="G1165">
        <v>9</v>
      </c>
      <c r="H1165">
        <v>420</v>
      </c>
      <c r="I1165">
        <v>1</v>
      </c>
      <c r="J1165">
        <v>0</v>
      </c>
      <c r="K1165">
        <v>1048190</v>
      </c>
      <c r="L1165">
        <v>1048191</v>
      </c>
      <c r="M1165">
        <v>85</v>
      </c>
      <c r="N1165" t="s">
        <v>15</v>
      </c>
      <c r="O1165" s="1">
        <v>44279.662499999999</v>
      </c>
      <c r="P1165" s="1">
        <v>44279.664583333331</v>
      </c>
    </row>
    <row r="1166" spans="1:16" x14ac:dyDescent="0.4">
      <c r="A1166">
        <v>4463</v>
      </c>
      <c r="B1166">
        <v>243020</v>
      </c>
      <c r="C1166" s="1">
        <v>44279</v>
      </c>
      <c r="D1166">
        <v>280</v>
      </c>
      <c r="E1166">
        <v>1266</v>
      </c>
      <c r="F1166" t="s">
        <v>162</v>
      </c>
      <c r="G1166">
        <v>8</v>
      </c>
      <c r="H1166">
        <v>540</v>
      </c>
      <c r="I1166">
        <v>1</v>
      </c>
      <c r="J1166">
        <v>0</v>
      </c>
      <c r="K1166">
        <v>1048206</v>
      </c>
      <c r="L1166">
        <v>1048207</v>
      </c>
      <c r="M1166">
        <v>85</v>
      </c>
      <c r="N1166" t="s">
        <v>15</v>
      </c>
      <c r="O1166" s="1">
        <v>44279.668749999997</v>
      </c>
      <c r="P1166" s="1">
        <v>44279.682638888888</v>
      </c>
    </row>
    <row r="1167" spans="1:16" x14ac:dyDescent="0.4">
      <c r="A1167">
        <v>4464</v>
      </c>
      <c r="B1167">
        <v>243137</v>
      </c>
      <c r="C1167" s="1">
        <v>44281</v>
      </c>
      <c r="D1167">
        <v>290</v>
      </c>
      <c r="E1167">
        <v>1260</v>
      </c>
      <c r="F1167" t="s">
        <v>167</v>
      </c>
      <c r="G1167">
        <v>20</v>
      </c>
      <c r="H1167">
        <v>400</v>
      </c>
      <c r="I1167">
        <v>1</v>
      </c>
      <c r="J1167">
        <v>0</v>
      </c>
      <c r="K1167">
        <v>1048618</v>
      </c>
      <c r="L1167">
        <v>1048619</v>
      </c>
      <c r="M1167">
        <v>107</v>
      </c>
      <c r="N1167" t="s">
        <v>172</v>
      </c>
      <c r="O1167" s="1">
        <v>44281.810416666667</v>
      </c>
      <c r="P1167" s="1">
        <v>44281.819444444445</v>
      </c>
    </row>
    <row r="1168" spans="1:16" x14ac:dyDescent="0.4">
      <c r="A1168">
        <v>4465</v>
      </c>
      <c r="B1168">
        <v>243198</v>
      </c>
      <c r="C1168" s="1">
        <v>44282</v>
      </c>
      <c r="D1168">
        <v>84</v>
      </c>
      <c r="E1168">
        <v>65</v>
      </c>
      <c r="F1168" t="s">
        <v>71</v>
      </c>
      <c r="G1168">
        <v>3</v>
      </c>
      <c r="H1168">
        <v>400</v>
      </c>
      <c r="I1168">
        <v>1</v>
      </c>
      <c r="J1168">
        <v>0</v>
      </c>
      <c r="K1168">
        <v>1048851</v>
      </c>
      <c r="L1168">
        <v>1048852</v>
      </c>
      <c r="M1168">
        <v>107</v>
      </c>
      <c r="N1168" t="s">
        <v>172</v>
      </c>
      <c r="O1168" s="1">
        <v>44282.834027777775</v>
      </c>
      <c r="P1168" s="1">
        <v>44282.833333333336</v>
      </c>
    </row>
    <row r="1169" spans="1:16" x14ac:dyDescent="0.4">
      <c r="A1169">
        <v>4466</v>
      </c>
      <c r="B1169">
        <v>243460</v>
      </c>
      <c r="C1169" s="1">
        <v>44287</v>
      </c>
      <c r="D1169">
        <v>290</v>
      </c>
      <c r="E1169">
        <v>1260</v>
      </c>
      <c r="F1169" t="s">
        <v>167</v>
      </c>
      <c r="G1169">
        <v>18</v>
      </c>
      <c r="H1169">
        <v>400</v>
      </c>
      <c r="I1169">
        <v>1</v>
      </c>
      <c r="J1169">
        <v>0</v>
      </c>
      <c r="K1169">
        <v>1049794</v>
      </c>
      <c r="L1169">
        <v>1049795</v>
      </c>
      <c r="M1169">
        <v>85</v>
      </c>
      <c r="N1169" t="s">
        <v>15</v>
      </c>
      <c r="O1169" s="1">
        <v>44287.745833333334</v>
      </c>
      <c r="P1169" s="1">
        <v>44287.765972222223</v>
      </c>
    </row>
    <row r="1170" spans="1:16" x14ac:dyDescent="0.4">
      <c r="A1170">
        <v>4467</v>
      </c>
      <c r="B1170">
        <v>243534</v>
      </c>
      <c r="C1170" s="1">
        <v>44289</v>
      </c>
      <c r="D1170">
        <v>125</v>
      </c>
      <c r="E1170">
        <v>126</v>
      </c>
      <c r="F1170" t="s">
        <v>159</v>
      </c>
      <c r="G1170">
        <v>1</v>
      </c>
      <c r="H1170">
        <v>280</v>
      </c>
      <c r="I1170">
        <v>1</v>
      </c>
      <c r="J1170">
        <v>0</v>
      </c>
      <c r="K1170">
        <v>1050096</v>
      </c>
      <c r="L1170">
        <v>1050097</v>
      </c>
      <c r="M1170">
        <v>84</v>
      </c>
      <c r="N1170" t="s">
        <v>79</v>
      </c>
      <c r="O1170" s="1">
        <v>44289.565972222219</v>
      </c>
      <c r="P1170" s="1">
        <v>44289.582638888889</v>
      </c>
    </row>
    <row r="1171" spans="1:16" x14ac:dyDescent="0.4">
      <c r="A1171">
        <v>4468</v>
      </c>
      <c r="B1171">
        <v>243534</v>
      </c>
      <c r="C1171" s="1">
        <v>44289</v>
      </c>
      <c r="D1171">
        <v>125</v>
      </c>
      <c r="E1171">
        <v>126</v>
      </c>
      <c r="F1171" t="s">
        <v>159</v>
      </c>
      <c r="G1171">
        <v>1</v>
      </c>
      <c r="H1171">
        <v>280</v>
      </c>
      <c r="I1171">
        <v>1</v>
      </c>
      <c r="J1171">
        <v>0</v>
      </c>
      <c r="K1171">
        <v>1050098</v>
      </c>
      <c r="L1171">
        <v>1050099</v>
      </c>
      <c r="M1171">
        <v>84</v>
      </c>
      <c r="N1171" t="s">
        <v>79</v>
      </c>
      <c r="O1171" s="1">
        <v>44289.578472222223</v>
      </c>
      <c r="P1171" s="1">
        <v>44289.582638888889</v>
      </c>
    </row>
    <row r="1172" spans="1:16" x14ac:dyDescent="0.4">
      <c r="A1172">
        <v>4469</v>
      </c>
      <c r="B1172">
        <v>243571</v>
      </c>
      <c r="C1172" s="1">
        <v>44289</v>
      </c>
      <c r="D1172">
        <v>287</v>
      </c>
      <c r="E1172">
        <v>47</v>
      </c>
      <c r="F1172" t="s">
        <v>224</v>
      </c>
      <c r="G1172">
        <v>8</v>
      </c>
      <c r="H1172">
        <v>0</v>
      </c>
      <c r="I1172">
        <v>1</v>
      </c>
      <c r="J1172">
        <v>0</v>
      </c>
      <c r="K1172">
        <v>1050219</v>
      </c>
      <c r="L1172">
        <v>1050220</v>
      </c>
      <c r="M1172">
        <v>107</v>
      </c>
      <c r="N1172" t="s">
        <v>172</v>
      </c>
      <c r="O1172" s="1">
        <v>44289.888194444444</v>
      </c>
      <c r="P1172" s="1">
        <v>44289.888888888891</v>
      </c>
    </row>
    <row r="1173" spans="1:16" x14ac:dyDescent="0.4">
      <c r="A1173">
        <v>4470</v>
      </c>
      <c r="B1173">
        <v>243913</v>
      </c>
      <c r="C1173" s="1">
        <v>44297</v>
      </c>
      <c r="D1173">
        <v>125</v>
      </c>
      <c r="E1173">
        <v>126</v>
      </c>
      <c r="F1173" t="s">
        <v>159</v>
      </c>
      <c r="G1173">
        <v>11</v>
      </c>
      <c r="H1173">
        <v>280</v>
      </c>
      <c r="I1173">
        <v>1</v>
      </c>
      <c r="J1173">
        <v>0</v>
      </c>
      <c r="K1173">
        <v>1051440</v>
      </c>
      <c r="L1173">
        <v>1051441</v>
      </c>
      <c r="M1173">
        <v>85</v>
      </c>
      <c r="N1173" t="s">
        <v>15</v>
      </c>
      <c r="O1173" s="1">
        <v>44297.731944444444</v>
      </c>
      <c r="P1173" s="1">
        <v>44297.768055555556</v>
      </c>
    </row>
    <row r="1174" spans="1:16" x14ac:dyDescent="0.4">
      <c r="A1174">
        <v>4471</v>
      </c>
      <c r="B1174">
        <v>243920</v>
      </c>
      <c r="C1174" s="1">
        <v>44297</v>
      </c>
      <c r="D1174">
        <v>213</v>
      </c>
      <c r="E1174">
        <v>211</v>
      </c>
      <c r="F1174" t="s">
        <v>225</v>
      </c>
      <c r="G1174">
        <v>6</v>
      </c>
      <c r="H1174">
        <v>0</v>
      </c>
      <c r="I1174">
        <v>1</v>
      </c>
      <c r="J1174">
        <v>0</v>
      </c>
      <c r="K1174">
        <v>1051461</v>
      </c>
      <c r="L1174">
        <v>1051462</v>
      </c>
      <c r="M1174">
        <v>85</v>
      </c>
      <c r="N1174" t="s">
        <v>15</v>
      </c>
      <c r="O1174" s="1">
        <v>44297.826388888891</v>
      </c>
      <c r="P1174" s="1">
        <v>44297.836111111108</v>
      </c>
    </row>
    <row r="1175" spans="1:16" x14ac:dyDescent="0.4">
      <c r="A1175">
        <v>4472</v>
      </c>
      <c r="B1175">
        <v>244129</v>
      </c>
      <c r="C1175" s="1">
        <v>44303</v>
      </c>
      <c r="D1175">
        <v>97</v>
      </c>
      <c r="E1175">
        <v>21</v>
      </c>
      <c r="F1175" t="s">
        <v>214</v>
      </c>
      <c r="G1175">
        <v>7</v>
      </c>
      <c r="H1175">
        <v>0</v>
      </c>
      <c r="I1175">
        <v>2</v>
      </c>
      <c r="J1175">
        <v>0</v>
      </c>
      <c r="K1175">
        <v>1052234</v>
      </c>
      <c r="L1175">
        <v>1052235</v>
      </c>
      <c r="M1175">
        <v>108</v>
      </c>
      <c r="N1175" t="s">
        <v>40</v>
      </c>
      <c r="O1175" s="1">
        <v>44304.068055555559</v>
      </c>
      <c r="P1175" s="1">
        <v>44304.072916666664</v>
      </c>
    </row>
    <row r="1176" spans="1:16" x14ac:dyDescent="0.4">
      <c r="A1176">
        <v>4473</v>
      </c>
      <c r="B1176">
        <v>244200</v>
      </c>
      <c r="C1176" s="1">
        <v>44305</v>
      </c>
      <c r="D1176">
        <v>69</v>
      </c>
      <c r="E1176">
        <v>50</v>
      </c>
      <c r="F1176" t="s">
        <v>18</v>
      </c>
      <c r="G1176">
        <v>3</v>
      </c>
      <c r="H1176">
        <v>480</v>
      </c>
      <c r="I1176">
        <v>1</v>
      </c>
      <c r="J1176">
        <v>0</v>
      </c>
      <c r="K1176">
        <v>1052478</v>
      </c>
      <c r="L1176">
        <v>1052479</v>
      </c>
      <c r="M1176">
        <v>95</v>
      </c>
      <c r="N1176" t="s">
        <v>68</v>
      </c>
      <c r="O1176" s="1">
        <v>44305.897916666669</v>
      </c>
      <c r="P1176" s="1">
        <v>44305.899305555555</v>
      </c>
    </row>
    <row r="1177" spans="1:16" x14ac:dyDescent="0.4">
      <c r="A1177">
        <v>4474</v>
      </c>
      <c r="B1177">
        <v>244200</v>
      </c>
      <c r="C1177" s="1">
        <v>44305</v>
      </c>
      <c r="D1177">
        <v>84</v>
      </c>
      <c r="E1177">
        <v>65</v>
      </c>
      <c r="F1177" t="s">
        <v>71</v>
      </c>
      <c r="G1177">
        <v>3</v>
      </c>
      <c r="H1177">
        <v>400</v>
      </c>
      <c r="I1177">
        <v>1</v>
      </c>
      <c r="J1177">
        <v>0</v>
      </c>
      <c r="K1177">
        <v>1052480</v>
      </c>
      <c r="L1177">
        <v>1052481</v>
      </c>
      <c r="M1177">
        <v>95</v>
      </c>
      <c r="N1177" t="s">
        <v>68</v>
      </c>
      <c r="O1177" s="1">
        <v>44305.888194444444</v>
      </c>
      <c r="P1177" s="1">
        <v>44305.9</v>
      </c>
    </row>
    <row r="1178" spans="1:16" x14ac:dyDescent="0.4">
      <c r="A1178">
        <v>4034</v>
      </c>
      <c r="B1178">
        <v>206849</v>
      </c>
      <c r="C1178" s="1">
        <v>43589</v>
      </c>
      <c r="D1178">
        <v>79</v>
      </c>
      <c r="E1178">
        <v>60</v>
      </c>
      <c r="F1178" t="s">
        <v>157</v>
      </c>
      <c r="G1178">
        <v>1</v>
      </c>
      <c r="H1178">
        <v>0</v>
      </c>
      <c r="I1178">
        <v>1</v>
      </c>
      <c r="J1178">
        <v>0</v>
      </c>
      <c r="K1178">
        <v>909723</v>
      </c>
      <c r="L1178">
        <v>909724</v>
      </c>
      <c r="M1178">
        <v>108</v>
      </c>
      <c r="N1178" t="s">
        <v>40</v>
      </c>
      <c r="O1178" s="1">
        <v>43589.938888888886</v>
      </c>
      <c r="P1178" s="1">
        <v>43589.938194444447</v>
      </c>
    </row>
    <row r="1179" spans="1:16" x14ac:dyDescent="0.4">
      <c r="A1179">
        <v>4035</v>
      </c>
      <c r="B1179">
        <v>206862</v>
      </c>
      <c r="C1179" s="1">
        <v>43589</v>
      </c>
      <c r="D1179">
        <v>125</v>
      </c>
      <c r="E1179">
        <v>126</v>
      </c>
      <c r="F1179" t="s">
        <v>8</v>
      </c>
      <c r="G1179">
        <v>18</v>
      </c>
      <c r="H1179">
        <v>380</v>
      </c>
      <c r="I1179">
        <v>1</v>
      </c>
      <c r="J1179">
        <v>0</v>
      </c>
      <c r="K1179">
        <v>909774</v>
      </c>
      <c r="L1179">
        <v>909775</v>
      </c>
      <c r="M1179">
        <v>99</v>
      </c>
      <c r="N1179" t="s">
        <v>43</v>
      </c>
      <c r="O1179" s="1">
        <v>43589.923611111109</v>
      </c>
      <c r="P1179" s="1">
        <v>43590.001388888886</v>
      </c>
    </row>
    <row r="1180" spans="1:16" x14ac:dyDescent="0.4">
      <c r="A1180">
        <v>4076</v>
      </c>
      <c r="B1180">
        <v>209176</v>
      </c>
      <c r="C1180" s="1">
        <v>43626</v>
      </c>
      <c r="D1180">
        <v>213</v>
      </c>
      <c r="E1180">
        <v>211</v>
      </c>
      <c r="F1180" t="s">
        <v>46</v>
      </c>
      <c r="G1180">
        <v>8</v>
      </c>
      <c r="H1180">
        <v>0</v>
      </c>
      <c r="I1180">
        <v>2</v>
      </c>
      <c r="J1180">
        <v>0</v>
      </c>
      <c r="K1180">
        <v>918798</v>
      </c>
      <c r="L1180">
        <v>918799</v>
      </c>
      <c r="M1180">
        <v>82</v>
      </c>
      <c r="N1180" t="s">
        <v>160</v>
      </c>
      <c r="O1180" s="1">
        <v>43627.071527777778</v>
      </c>
      <c r="P1180" s="1">
        <v>43627.229861111111</v>
      </c>
    </row>
    <row r="1181" spans="1:16" x14ac:dyDescent="0.4">
      <c r="A1181">
        <v>4077</v>
      </c>
      <c r="B1181">
        <v>209176</v>
      </c>
      <c r="C1181" s="1">
        <v>43626</v>
      </c>
      <c r="D1181">
        <v>158</v>
      </c>
      <c r="E1181">
        <v>117</v>
      </c>
      <c r="F1181" t="s">
        <v>20</v>
      </c>
      <c r="G1181">
        <v>8</v>
      </c>
      <c r="H1181">
        <v>500</v>
      </c>
      <c r="I1181">
        <v>1</v>
      </c>
      <c r="J1181">
        <v>0</v>
      </c>
      <c r="K1181">
        <v>918800</v>
      </c>
      <c r="L1181">
        <v>918801</v>
      </c>
      <c r="M1181">
        <v>94</v>
      </c>
      <c r="N1181" t="s">
        <v>68</v>
      </c>
      <c r="O1181" s="1">
        <v>43627.082638888889</v>
      </c>
      <c r="P1181" s="1">
        <v>43627.240972222222</v>
      </c>
    </row>
    <row r="1182" spans="1:16" x14ac:dyDescent="0.4">
      <c r="A1182">
        <v>4078</v>
      </c>
      <c r="B1182">
        <v>209176</v>
      </c>
      <c r="C1182" s="1">
        <v>43626</v>
      </c>
      <c r="D1182">
        <v>174</v>
      </c>
      <c r="E1182">
        <v>320</v>
      </c>
      <c r="F1182" t="s">
        <v>47</v>
      </c>
      <c r="G1182">
        <v>8</v>
      </c>
      <c r="H1182">
        <v>380</v>
      </c>
      <c r="I1182">
        <v>2</v>
      </c>
      <c r="J1182">
        <v>1</v>
      </c>
      <c r="K1182">
        <v>918802</v>
      </c>
      <c r="L1182">
        <v>918803</v>
      </c>
      <c r="M1182">
        <v>94</v>
      </c>
      <c r="N1182" t="s">
        <v>68</v>
      </c>
      <c r="O1182" s="1">
        <v>43627.229166666664</v>
      </c>
      <c r="P1182" s="1">
        <v>43627.240972222222</v>
      </c>
    </row>
    <row r="1183" spans="1:16" x14ac:dyDescent="0.4">
      <c r="A1183">
        <v>4079</v>
      </c>
      <c r="B1183">
        <v>209176</v>
      </c>
      <c r="C1183" s="1">
        <v>43626</v>
      </c>
      <c r="D1183">
        <v>150</v>
      </c>
      <c r="E1183">
        <v>133</v>
      </c>
      <c r="F1183" t="s">
        <v>109</v>
      </c>
      <c r="G1183">
        <v>8</v>
      </c>
      <c r="H1183">
        <v>450</v>
      </c>
      <c r="I1183">
        <v>1</v>
      </c>
      <c r="J1183">
        <v>0</v>
      </c>
      <c r="K1183">
        <v>918804</v>
      </c>
      <c r="L1183">
        <v>918805</v>
      </c>
      <c r="M1183">
        <v>94</v>
      </c>
      <c r="N1183" t="s">
        <v>68</v>
      </c>
      <c r="O1183" s="1">
        <v>43627.229166666664</v>
      </c>
      <c r="P1183" s="1">
        <v>43627.240972222222</v>
      </c>
    </row>
    <row r="1184" spans="1:16" x14ac:dyDescent="0.4">
      <c r="A1184">
        <v>4092</v>
      </c>
      <c r="B1184">
        <v>209668</v>
      </c>
      <c r="C1184" s="1">
        <v>43634</v>
      </c>
      <c r="D1184">
        <v>213</v>
      </c>
      <c r="E1184">
        <v>211</v>
      </c>
      <c r="F1184" t="s">
        <v>46</v>
      </c>
      <c r="G1184">
        <v>4</v>
      </c>
      <c r="H1184">
        <v>0</v>
      </c>
      <c r="I1184">
        <v>1</v>
      </c>
      <c r="J1184">
        <v>0</v>
      </c>
      <c r="K1184">
        <v>920658</v>
      </c>
      <c r="L1184">
        <v>920659</v>
      </c>
      <c r="M1184">
        <v>70</v>
      </c>
      <c r="N1184" t="s">
        <v>165</v>
      </c>
      <c r="O1184" s="1">
        <v>43634.88958333333</v>
      </c>
      <c r="P1184" s="1">
        <v>43634.963194444441</v>
      </c>
    </row>
    <row r="1185" spans="1:16" x14ac:dyDescent="0.4">
      <c r="A1185">
        <v>4129</v>
      </c>
      <c r="B1185">
        <v>210633</v>
      </c>
      <c r="C1185" s="1">
        <v>43648</v>
      </c>
      <c r="D1185">
        <v>213</v>
      </c>
      <c r="E1185">
        <v>211</v>
      </c>
      <c r="F1185" t="s">
        <v>46</v>
      </c>
      <c r="G1185">
        <v>1</v>
      </c>
      <c r="H1185">
        <v>0</v>
      </c>
      <c r="I1185">
        <v>3</v>
      </c>
      <c r="J1185">
        <v>0</v>
      </c>
      <c r="K1185">
        <v>924682</v>
      </c>
      <c r="L1185">
        <v>924683</v>
      </c>
      <c r="M1185">
        <v>94</v>
      </c>
      <c r="N1185" t="s">
        <v>68</v>
      </c>
      <c r="O1185" s="1">
        <v>43649.150694444441</v>
      </c>
      <c r="P1185" s="1">
        <v>43649.24722222222</v>
      </c>
    </row>
    <row r="1186" spans="1:16" x14ac:dyDescent="0.4">
      <c r="A1186">
        <v>4130</v>
      </c>
      <c r="B1186">
        <v>210633</v>
      </c>
      <c r="C1186" s="1">
        <v>43648</v>
      </c>
      <c r="D1186">
        <v>213</v>
      </c>
      <c r="E1186">
        <v>211</v>
      </c>
      <c r="F1186" t="s">
        <v>46</v>
      </c>
      <c r="G1186">
        <v>1</v>
      </c>
      <c r="H1186">
        <v>0</v>
      </c>
      <c r="I1186">
        <v>3</v>
      </c>
      <c r="J1186">
        <v>0</v>
      </c>
      <c r="K1186">
        <v>924684</v>
      </c>
      <c r="L1186">
        <v>924685</v>
      </c>
      <c r="M1186">
        <v>94</v>
      </c>
      <c r="N1186" t="s">
        <v>68</v>
      </c>
      <c r="O1186" s="1">
        <v>43649.170138888891</v>
      </c>
      <c r="P1186" s="1">
        <v>43649.24722222222</v>
      </c>
    </row>
    <row r="1187" spans="1:16" x14ac:dyDescent="0.4">
      <c r="A1187">
        <v>4131</v>
      </c>
      <c r="B1187">
        <v>210633</v>
      </c>
      <c r="C1187" s="1">
        <v>43648</v>
      </c>
      <c r="D1187">
        <v>213</v>
      </c>
      <c r="E1187">
        <v>211</v>
      </c>
      <c r="F1187" t="s">
        <v>46</v>
      </c>
      <c r="G1187">
        <v>1</v>
      </c>
      <c r="H1187">
        <v>0</v>
      </c>
      <c r="I1187">
        <v>3</v>
      </c>
      <c r="J1187">
        <v>0</v>
      </c>
      <c r="K1187">
        <v>924686</v>
      </c>
      <c r="L1187">
        <v>924687</v>
      </c>
      <c r="M1187">
        <v>94</v>
      </c>
      <c r="N1187" t="s">
        <v>68</v>
      </c>
      <c r="O1187" s="1">
        <v>43649.185416666667</v>
      </c>
      <c r="P1187" s="1">
        <v>43649.24722222222</v>
      </c>
    </row>
    <row r="1188" spans="1:16" x14ac:dyDescent="0.4">
      <c r="A1188">
        <v>4132</v>
      </c>
      <c r="B1188">
        <v>210631</v>
      </c>
      <c r="C1188" s="1">
        <v>43648</v>
      </c>
      <c r="D1188">
        <v>246</v>
      </c>
      <c r="E1188">
        <v>59</v>
      </c>
      <c r="F1188" t="s">
        <v>92</v>
      </c>
      <c r="G1188">
        <v>12</v>
      </c>
      <c r="H1188">
        <v>400</v>
      </c>
      <c r="I1188">
        <v>1</v>
      </c>
      <c r="J1188">
        <v>0</v>
      </c>
      <c r="K1188">
        <v>924690</v>
      </c>
      <c r="L1188">
        <v>924691</v>
      </c>
      <c r="M1188">
        <v>94</v>
      </c>
      <c r="N1188" t="s">
        <v>68</v>
      </c>
      <c r="O1188" s="1">
        <v>43649.067361111112</v>
      </c>
      <c r="P1188" s="1">
        <v>43649.250694444447</v>
      </c>
    </row>
    <row r="1189" spans="1:16" x14ac:dyDescent="0.4">
      <c r="A1189">
        <v>4178</v>
      </c>
      <c r="B1189">
        <v>212623</v>
      </c>
      <c r="C1189" s="1">
        <v>43676</v>
      </c>
      <c r="D1189">
        <v>280</v>
      </c>
      <c r="E1189">
        <v>1266</v>
      </c>
      <c r="F1189" t="s">
        <v>162</v>
      </c>
      <c r="G1189">
        <v>4</v>
      </c>
      <c r="H1189">
        <v>680</v>
      </c>
      <c r="I1189">
        <v>1</v>
      </c>
      <c r="J1189">
        <v>0</v>
      </c>
      <c r="K1189">
        <v>932702</v>
      </c>
      <c r="L1189">
        <v>932703</v>
      </c>
      <c r="M1189">
        <v>94</v>
      </c>
      <c r="N1189" t="s">
        <v>68</v>
      </c>
      <c r="O1189" s="1">
        <v>43677.006249999999</v>
      </c>
      <c r="P1189" s="1">
        <v>43677.243055555555</v>
      </c>
    </row>
    <row r="1190" spans="1:16" x14ac:dyDescent="0.4">
      <c r="A1190">
        <v>4219</v>
      </c>
      <c r="B1190">
        <v>215336</v>
      </c>
      <c r="C1190" s="1">
        <v>43709</v>
      </c>
      <c r="D1190">
        <v>157</v>
      </c>
      <c r="E1190">
        <v>113</v>
      </c>
      <c r="F1190" t="s">
        <v>59</v>
      </c>
      <c r="G1190">
        <v>15</v>
      </c>
      <c r="H1190">
        <v>550</v>
      </c>
      <c r="I1190">
        <v>1</v>
      </c>
      <c r="J1190">
        <v>0</v>
      </c>
      <c r="K1190">
        <v>943526</v>
      </c>
      <c r="L1190">
        <v>943527</v>
      </c>
      <c r="M1190">
        <v>84</v>
      </c>
      <c r="N1190" t="s">
        <v>79</v>
      </c>
      <c r="O1190" s="1">
        <v>43709.838888888888</v>
      </c>
      <c r="P1190" s="1">
        <v>43709.84097222222</v>
      </c>
    </row>
    <row r="1191" spans="1:16" x14ac:dyDescent="0.4">
      <c r="A1191">
        <v>4220</v>
      </c>
      <c r="B1191">
        <v>215340</v>
      </c>
      <c r="C1191" s="1">
        <v>43709</v>
      </c>
      <c r="D1191">
        <v>9</v>
      </c>
      <c r="E1191">
        <v>101</v>
      </c>
      <c r="F1191" t="s">
        <v>54</v>
      </c>
      <c r="G1191">
        <v>1</v>
      </c>
      <c r="H1191">
        <v>420</v>
      </c>
      <c r="I1191">
        <v>1</v>
      </c>
      <c r="J1191">
        <v>0</v>
      </c>
      <c r="K1191">
        <v>943567</v>
      </c>
      <c r="L1191">
        <v>943568</v>
      </c>
      <c r="M1191">
        <v>108</v>
      </c>
      <c r="N1191" t="s">
        <v>40</v>
      </c>
      <c r="O1191" s="1">
        <v>43709.98541666667</v>
      </c>
      <c r="P1191" s="1">
        <v>43709.986111111109</v>
      </c>
    </row>
    <row r="1192" spans="1:16" x14ac:dyDescent="0.4">
      <c r="A1192">
        <v>4296</v>
      </c>
      <c r="B1192">
        <v>222025</v>
      </c>
      <c r="C1192" s="1">
        <v>43812</v>
      </c>
      <c r="D1192">
        <v>339</v>
      </c>
      <c r="E1192">
        <v>12</v>
      </c>
      <c r="F1192" t="s">
        <v>226</v>
      </c>
      <c r="G1192">
        <v>4</v>
      </c>
      <c r="H1192">
        <v>480</v>
      </c>
      <c r="I1192">
        <v>1</v>
      </c>
      <c r="J1192">
        <v>0</v>
      </c>
      <c r="K1192">
        <v>970157</v>
      </c>
      <c r="L1192">
        <v>970158</v>
      </c>
      <c r="M1192">
        <v>108</v>
      </c>
      <c r="N1192" t="s">
        <v>40</v>
      </c>
      <c r="O1192" s="1">
        <v>43812.964583333334</v>
      </c>
      <c r="P1192" s="1">
        <v>43812.965277777781</v>
      </c>
    </row>
    <row r="1193" spans="1:16" x14ac:dyDescent="0.4">
      <c r="A1193">
        <v>4325</v>
      </c>
      <c r="B1193">
        <v>225490</v>
      </c>
      <c r="C1193" s="1">
        <v>43862</v>
      </c>
      <c r="D1193">
        <v>97</v>
      </c>
      <c r="E1193">
        <v>21</v>
      </c>
      <c r="F1193" t="s">
        <v>117</v>
      </c>
      <c r="G1193">
        <v>19</v>
      </c>
      <c r="H1193">
        <v>420</v>
      </c>
      <c r="I1193">
        <v>1</v>
      </c>
      <c r="J1193">
        <v>0</v>
      </c>
      <c r="K1193">
        <v>984368</v>
      </c>
      <c r="L1193">
        <v>984369</v>
      </c>
      <c r="M1193">
        <v>108</v>
      </c>
      <c r="N1193" t="s">
        <v>40</v>
      </c>
      <c r="O1193" s="1">
        <v>43862.994444444441</v>
      </c>
      <c r="P1193" s="1">
        <v>43862.993750000001</v>
      </c>
    </row>
    <row r="1194" spans="1:16" x14ac:dyDescent="0.4">
      <c r="A1194">
        <v>4328</v>
      </c>
      <c r="B1194">
        <v>225570</v>
      </c>
      <c r="C1194" s="1">
        <v>43863</v>
      </c>
      <c r="D1194">
        <v>66</v>
      </c>
      <c r="E1194">
        <v>39</v>
      </c>
      <c r="F1194" t="s">
        <v>135</v>
      </c>
      <c r="G1194">
        <v>4</v>
      </c>
      <c r="H1194">
        <v>320</v>
      </c>
      <c r="I1194">
        <v>1</v>
      </c>
      <c r="J1194">
        <v>0</v>
      </c>
      <c r="K1194">
        <v>984670</v>
      </c>
      <c r="L1194">
        <v>984671</v>
      </c>
      <c r="M1194">
        <v>107</v>
      </c>
      <c r="N1194" t="s">
        <v>172</v>
      </c>
      <c r="O1194" s="1">
        <v>43863.963194444441</v>
      </c>
      <c r="P1194" s="1">
        <v>43863.979861111111</v>
      </c>
    </row>
    <row r="1195" spans="1:16" x14ac:dyDescent="0.4">
      <c r="A1195">
        <v>4329</v>
      </c>
      <c r="B1195">
        <v>225570</v>
      </c>
      <c r="C1195" s="1">
        <v>43863</v>
      </c>
      <c r="D1195">
        <v>89</v>
      </c>
      <c r="E1195">
        <v>70</v>
      </c>
      <c r="F1195" t="s">
        <v>10</v>
      </c>
      <c r="G1195">
        <v>4</v>
      </c>
      <c r="H1195">
        <v>400</v>
      </c>
      <c r="I1195">
        <v>1</v>
      </c>
      <c r="J1195">
        <v>0</v>
      </c>
      <c r="K1195">
        <v>984672</v>
      </c>
      <c r="L1195">
        <v>984673</v>
      </c>
      <c r="M1195">
        <v>107</v>
      </c>
      <c r="N1195" t="s">
        <v>172</v>
      </c>
      <c r="O1195" s="1">
        <v>43863.979166666664</v>
      </c>
      <c r="P1195" s="1">
        <v>43863.979861111111</v>
      </c>
    </row>
    <row r="1196" spans="1:16" x14ac:dyDescent="0.4">
      <c r="A1196">
        <v>4330</v>
      </c>
      <c r="B1196">
        <v>225570</v>
      </c>
      <c r="C1196" s="1">
        <v>43863</v>
      </c>
      <c r="D1196">
        <v>66</v>
      </c>
      <c r="E1196">
        <v>39</v>
      </c>
      <c r="F1196" t="s">
        <v>135</v>
      </c>
      <c r="G1196">
        <v>4</v>
      </c>
      <c r="H1196">
        <v>320</v>
      </c>
      <c r="I1196">
        <v>1</v>
      </c>
      <c r="J1196">
        <v>0</v>
      </c>
      <c r="K1196">
        <v>984674</v>
      </c>
      <c r="L1196">
        <v>984675</v>
      </c>
      <c r="M1196">
        <v>107</v>
      </c>
      <c r="N1196" t="s">
        <v>172</v>
      </c>
      <c r="O1196" s="1">
        <v>43863.979166666664</v>
      </c>
      <c r="P1196" s="1">
        <v>43863.979861111111</v>
      </c>
    </row>
    <row r="1197" spans="1:16" x14ac:dyDescent="0.4">
      <c r="A1197">
        <v>4401</v>
      </c>
      <c r="B1197">
        <v>235102</v>
      </c>
      <c r="C1197" s="1">
        <v>44090</v>
      </c>
      <c r="D1197">
        <v>71</v>
      </c>
      <c r="E1197">
        <v>52</v>
      </c>
      <c r="F1197" t="s">
        <v>23</v>
      </c>
      <c r="G1197">
        <v>12</v>
      </c>
      <c r="H1197">
        <v>400</v>
      </c>
      <c r="I1197">
        <v>1</v>
      </c>
      <c r="J1197">
        <v>0</v>
      </c>
      <c r="K1197">
        <v>1019771</v>
      </c>
      <c r="L1197">
        <v>1019772</v>
      </c>
      <c r="M1197">
        <v>98</v>
      </c>
      <c r="N1197" t="s">
        <v>155</v>
      </c>
      <c r="O1197" s="1">
        <v>44090.798611111109</v>
      </c>
      <c r="P1197" s="1">
        <v>44090.802777777775</v>
      </c>
    </row>
    <row r="1198" spans="1:16" x14ac:dyDescent="0.4">
      <c r="A1198">
        <v>4402</v>
      </c>
      <c r="B1198">
        <v>235102</v>
      </c>
      <c r="C1198" s="1">
        <v>44090</v>
      </c>
      <c r="D1198">
        <v>57</v>
      </c>
      <c r="E1198">
        <v>30</v>
      </c>
      <c r="F1198" t="s">
        <v>60</v>
      </c>
      <c r="G1198">
        <v>12</v>
      </c>
      <c r="H1198">
        <v>320</v>
      </c>
      <c r="I1198">
        <v>1</v>
      </c>
      <c r="J1198">
        <v>0</v>
      </c>
      <c r="K1198">
        <v>1019773</v>
      </c>
      <c r="L1198">
        <v>1019774</v>
      </c>
      <c r="M1198">
        <v>98</v>
      </c>
      <c r="N1198" t="s">
        <v>155</v>
      </c>
      <c r="O1198" s="1">
        <v>44090.798611111109</v>
      </c>
      <c r="P1198" s="1">
        <v>44090.802777777775</v>
      </c>
    </row>
    <row r="1199" spans="1:16" x14ac:dyDescent="0.4">
      <c r="A1199">
        <v>4423</v>
      </c>
      <c r="B1199">
        <v>236369</v>
      </c>
      <c r="C1199" s="1">
        <v>44116</v>
      </c>
      <c r="D1199">
        <v>58</v>
      </c>
      <c r="E1199">
        <v>31</v>
      </c>
      <c r="F1199" t="s">
        <v>29</v>
      </c>
      <c r="G1199">
        <v>2</v>
      </c>
      <c r="H1199">
        <v>320</v>
      </c>
      <c r="I1199">
        <v>1</v>
      </c>
      <c r="J1199">
        <v>0</v>
      </c>
      <c r="K1199">
        <v>1024523</v>
      </c>
      <c r="L1199">
        <v>1024524</v>
      </c>
      <c r="M1199">
        <v>70</v>
      </c>
      <c r="N1199" t="s">
        <v>203</v>
      </c>
      <c r="O1199" s="1">
        <v>44116.879861111112</v>
      </c>
      <c r="P1199" s="1">
        <v>44116.899305555555</v>
      </c>
    </row>
    <row r="1200" spans="1:16" x14ac:dyDescent="0.4">
      <c r="A1200">
        <v>4424</v>
      </c>
      <c r="B1200">
        <v>236369</v>
      </c>
      <c r="C1200" s="1">
        <v>44116</v>
      </c>
      <c r="D1200">
        <v>75</v>
      </c>
      <c r="E1200">
        <v>56</v>
      </c>
      <c r="F1200" t="s">
        <v>49</v>
      </c>
      <c r="G1200">
        <v>2</v>
      </c>
      <c r="H1200">
        <v>400</v>
      </c>
      <c r="I1200">
        <v>1</v>
      </c>
      <c r="J1200">
        <v>0</v>
      </c>
      <c r="K1200">
        <v>1024525</v>
      </c>
      <c r="L1200">
        <v>1024526</v>
      </c>
      <c r="M1200">
        <v>70</v>
      </c>
      <c r="N1200" t="s">
        <v>203</v>
      </c>
      <c r="O1200" s="1">
        <v>44116.879861111112</v>
      </c>
      <c r="P1200" s="1">
        <v>44116.899305555555</v>
      </c>
    </row>
    <row r="1201" spans="1:16" x14ac:dyDescent="0.4">
      <c r="A1201">
        <v>4431</v>
      </c>
      <c r="B1201">
        <v>237552</v>
      </c>
      <c r="C1201" s="1">
        <v>44142</v>
      </c>
      <c r="D1201">
        <v>213</v>
      </c>
      <c r="E1201">
        <v>211</v>
      </c>
      <c r="F1201" t="s">
        <v>225</v>
      </c>
      <c r="G1201">
        <v>20</v>
      </c>
      <c r="H1201">
        <v>0</v>
      </c>
      <c r="I1201">
        <v>2</v>
      </c>
      <c r="J1201">
        <v>0</v>
      </c>
      <c r="K1201">
        <v>1028859</v>
      </c>
      <c r="L1201">
        <v>1028860</v>
      </c>
      <c r="M1201">
        <v>98</v>
      </c>
      <c r="N1201" t="s">
        <v>155</v>
      </c>
      <c r="O1201" s="1">
        <v>44142.787499999999</v>
      </c>
      <c r="P1201" s="1">
        <v>44142.793055555558</v>
      </c>
    </row>
    <row r="1202" spans="1:16" x14ac:dyDescent="0.4">
      <c r="A1202">
        <v>4444</v>
      </c>
      <c r="B1202">
        <v>239667</v>
      </c>
      <c r="C1202" s="1">
        <v>44191</v>
      </c>
      <c r="D1202">
        <v>280</v>
      </c>
      <c r="E1202">
        <v>1266</v>
      </c>
      <c r="F1202" t="s">
        <v>162</v>
      </c>
      <c r="G1202">
        <v>8</v>
      </c>
      <c r="H1202">
        <v>540</v>
      </c>
      <c r="I1202">
        <v>1</v>
      </c>
      <c r="J1202">
        <v>0</v>
      </c>
      <c r="K1202">
        <v>1036683</v>
      </c>
      <c r="L1202">
        <v>1036684</v>
      </c>
      <c r="M1202">
        <v>98</v>
      </c>
      <c r="N1202" t="s">
        <v>155</v>
      </c>
      <c r="O1202" s="1">
        <v>44191.893055555556</v>
      </c>
      <c r="P1202" s="1">
        <v>44191.925694444442</v>
      </c>
    </row>
    <row r="1203" spans="1:16" x14ac:dyDescent="0.4">
      <c r="A1203">
        <v>4460</v>
      </c>
      <c r="B1203">
        <v>242837</v>
      </c>
      <c r="C1203" s="1">
        <v>44275</v>
      </c>
      <c r="D1203">
        <v>125</v>
      </c>
      <c r="E1203">
        <v>126</v>
      </c>
      <c r="F1203" t="s">
        <v>159</v>
      </c>
      <c r="G1203">
        <v>3</v>
      </c>
      <c r="H1203">
        <v>280</v>
      </c>
      <c r="I1203">
        <v>1</v>
      </c>
      <c r="J1203">
        <v>0</v>
      </c>
      <c r="K1203">
        <v>1047577</v>
      </c>
      <c r="L1203">
        <v>1047578</v>
      </c>
      <c r="M1203">
        <v>108</v>
      </c>
      <c r="N1203" t="s">
        <v>40</v>
      </c>
      <c r="O1203" s="1">
        <v>44275.986111111109</v>
      </c>
      <c r="P1203" s="1">
        <v>44275.986111111109</v>
      </c>
    </row>
    <row r="1204" spans="1:16" x14ac:dyDescent="0.4">
      <c r="A1204">
        <v>4475</v>
      </c>
      <c r="B1204">
        <v>244261</v>
      </c>
      <c r="C1204" s="1">
        <v>44309</v>
      </c>
      <c r="D1204">
        <v>57</v>
      </c>
      <c r="E1204">
        <v>30</v>
      </c>
      <c r="F1204" t="s">
        <v>227</v>
      </c>
      <c r="G1204">
        <v>17</v>
      </c>
      <c r="H1204">
        <v>352</v>
      </c>
      <c r="I1204">
        <v>1</v>
      </c>
      <c r="J1204">
        <v>0</v>
      </c>
      <c r="K1204">
        <v>1052695</v>
      </c>
      <c r="L1204">
        <v>1052696</v>
      </c>
      <c r="M1204">
        <v>84</v>
      </c>
      <c r="N1204" t="s">
        <v>79</v>
      </c>
      <c r="O1204" s="1">
        <v>44309.688194444447</v>
      </c>
      <c r="P1204" s="1">
        <v>44309.803472222222</v>
      </c>
    </row>
    <row r="1205" spans="1:16" x14ac:dyDescent="0.4">
      <c r="A1205">
        <v>4476</v>
      </c>
      <c r="B1205">
        <v>244261</v>
      </c>
      <c r="C1205" s="1">
        <v>44309</v>
      </c>
      <c r="D1205">
        <v>192</v>
      </c>
      <c r="E1205">
        <v>222</v>
      </c>
      <c r="F1205" t="s">
        <v>228</v>
      </c>
      <c r="G1205">
        <v>17</v>
      </c>
      <c r="H1205">
        <v>352</v>
      </c>
      <c r="I1205">
        <v>1</v>
      </c>
      <c r="J1205">
        <v>0</v>
      </c>
      <c r="K1205">
        <v>1052697</v>
      </c>
      <c r="L1205">
        <v>1052698</v>
      </c>
      <c r="M1205">
        <v>84</v>
      </c>
      <c r="N1205" t="s">
        <v>79</v>
      </c>
      <c r="O1205" s="1">
        <v>44309.688194444447</v>
      </c>
      <c r="P1205" s="1">
        <v>44309.804166666669</v>
      </c>
    </row>
    <row r="1206" spans="1:16" x14ac:dyDescent="0.4">
      <c r="A1206">
        <v>4477</v>
      </c>
      <c r="B1206">
        <v>244261</v>
      </c>
      <c r="C1206" s="1">
        <v>44309</v>
      </c>
      <c r="D1206">
        <v>188</v>
      </c>
      <c r="E1206">
        <v>227</v>
      </c>
      <c r="F1206" t="s">
        <v>217</v>
      </c>
      <c r="G1206">
        <v>17</v>
      </c>
      <c r="H1206">
        <v>385</v>
      </c>
      <c r="I1206">
        <v>1</v>
      </c>
      <c r="J1206">
        <v>0</v>
      </c>
      <c r="K1206">
        <v>1052699</v>
      </c>
      <c r="L1206">
        <v>1052700</v>
      </c>
      <c r="M1206">
        <v>84</v>
      </c>
      <c r="N1206" t="s">
        <v>79</v>
      </c>
      <c r="O1206" s="1">
        <v>44309.729861111111</v>
      </c>
      <c r="P1206" s="1">
        <v>44309.804166666669</v>
      </c>
    </row>
    <row r="1207" spans="1:16" x14ac:dyDescent="0.4">
      <c r="A1207">
        <v>4478</v>
      </c>
      <c r="B1207">
        <v>244261</v>
      </c>
      <c r="C1207" s="1">
        <v>44309</v>
      </c>
      <c r="D1207">
        <v>60</v>
      </c>
      <c r="E1207">
        <v>33</v>
      </c>
      <c r="F1207" t="s">
        <v>229</v>
      </c>
      <c r="G1207">
        <v>17</v>
      </c>
      <c r="H1207">
        <v>352</v>
      </c>
      <c r="I1207">
        <v>1</v>
      </c>
      <c r="J1207">
        <v>0</v>
      </c>
      <c r="K1207">
        <v>1052701</v>
      </c>
      <c r="L1207">
        <v>1052702</v>
      </c>
      <c r="M1207">
        <v>84</v>
      </c>
      <c r="N1207" t="s">
        <v>79</v>
      </c>
      <c r="O1207" s="1">
        <v>44309.761805555558</v>
      </c>
      <c r="P1207" s="1">
        <v>44309.804166666669</v>
      </c>
    </row>
    <row r="1208" spans="1:16" x14ac:dyDescent="0.4">
      <c r="A1208">
        <v>4479</v>
      </c>
      <c r="B1208">
        <v>244261</v>
      </c>
      <c r="C1208" s="1">
        <v>44309</v>
      </c>
      <c r="D1208">
        <v>57</v>
      </c>
      <c r="E1208">
        <v>30</v>
      </c>
      <c r="F1208" t="s">
        <v>227</v>
      </c>
      <c r="G1208">
        <v>17</v>
      </c>
      <c r="H1208">
        <v>352</v>
      </c>
      <c r="I1208">
        <v>1</v>
      </c>
      <c r="J1208">
        <v>0</v>
      </c>
      <c r="K1208">
        <v>1052703</v>
      </c>
      <c r="L1208">
        <v>1052704</v>
      </c>
      <c r="M1208">
        <v>84</v>
      </c>
      <c r="N1208" t="s">
        <v>79</v>
      </c>
      <c r="O1208" s="1">
        <v>44309.765277777777</v>
      </c>
      <c r="P1208" s="1">
        <v>44309.804166666669</v>
      </c>
    </row>
    <row r="1209" spans="1:16" x14ac:dyDescent="0.4">
      <c r="A1209">
        <v>4480</v>
      </c>
      <c r="B1209">
        <v>244358</v>
      </c>
      <c r="C1209" s="1">
        <v>44310</v>
      </c>
      <c r="D1209">
        <v>97</v>
      </c>
      <c r="E1209">
        <v>21</v>
      </c>
      <c r="F1209" t="s">
        <v>214</v>
      </c>
      <c r="G1209">
        <v>3</v>
      </c>
      <c r="H1209">
        <v>462</v>
      </c>
      <c r="I1209">
        <v>1</v>
      </c>
      <c r="J1209">
        <v>0</v>
      </c>
      <c r="K1209">
        <v>1053075</v>
      </c>
      <c r="L1209">
        <v>1053076</v>
      </c>
      <c r="M1209">
        <v>108</v>
      </c>
      <c r="N1209" t="s">
        <v>40</v>
      </c>
      <c r="O1209" s="1">
        <v>44311.04583333333</v>
      </c>
      <c r="P1209" s="1">
        <v>44311.04583333333</v>
      </c>
    </row>
    <row r="1210" spans="1:16" x14ac:dyDescent="0.4">
      <c r="A1210">
        <v>4481</v>
      </c>
      <c r="B1210">
        <v>244438</v>
      </c>
      <c r="C1210" s="1">
        <v>44315</v>
      </c>
      <c r="D1210">
        <v>290</v>
      </c>
      <c r="E1210">
        <v>1260</v>
      </c>
      <c r="F1210" t="s">
        <v>167</v>
      </c>
      <c r="G1210">
        <v>1</v>
      </c>
      <c r="H1210">
        <v>440</v>
      </c>
      <c r="I1210">
        <v>1</v>
      </c>
      <c r="J1210">
        <v>0</v>
      </c>
      <c r="K1210">
        <v>1053378</v>
      </c>
      <c r="L1210">
        <v>1053379</v>
      </c>
      <c r="M1210">
        <v>108</v>
      </c>
      <c r="N1210" t="s">
        <v>40</v>
      </c>
      <c r="O1210" s="1">
        <v>44315.984027777777</v>
      </c>
      <c r="P1210" s="1">
        <v>44316.001388888886</v>
      </c>
    </row>
    <row r="1211" spans="1:16" x14ac:dyDescent="0.4">
      <c r="A1211">
        <v>4482</v>
      </c>
      <c r="B1211">
        <v>244573</v>
      </c>
      <c r="C1211" s="1">
        <v>44318</v>
      </c>
      <c r="D1211">
        <v>186</v>
      </c>
      <c r="E1211">
        <v>225</v>
      </c>
      <c r="F1211" t="s">
        <v>212</v>
      </c>
      <c r="G1211">
        <v>14</v>
      </c>
      <c r="H1211">
        <v>385</v>
      </c>
      <c r="I1211">
        <v>2</v>
      </c>
      <c r="J1211">
        <v>1</v>
      </c>
      <c r="K1211">
        <v>1053950</v>
      </c>
      <c r="L1211">
        <v>1053951</v>
      </c>
      <c r="M1211">
        <v>85</v>
      </c>
      <c r="N1211" t="s">
        <v>15</v>
      </c>
      <c r="O1211" s="1">
        <v>44318.688194444447</v>
      </c>
      <c r="P1211" s="1">
        <v>44318.702777777777</v>
      </c>
    </row>
    <row r="1212" spans="1:16" x14ac:dyDescent="0.4">
      <c r="A1212">
        <v>4483</v>
      </c>
      <c r="B1212">
        <v>244610</v>
      </c>
      <c r="C1212" s="1">
        <v>44318</v>
      </c>
      <c r="D1212">
        <v>294</v>
      </c>
      <c r="E1212">
        <v>550</v>
      </c>
      <c r="F1212" t="s">
        <v>122</v>
      </c>
      <c r="G1212">
        <v>7</v>
      </c>
      <c r="H1212">
        <v>550</v>
      </c>
      <c r="I1212">
        <v>3</v>
      </c>
      <c r="J1212">
        <v>0</v>
      </c>
      <c r="K1212">
        <v>1054041</v>
      </c>
      <c r="L1212">
        <v>1054042</v>
      </c>
      <c r="M1212">
        <v>108</v>
      </c>
      <c r="N1212" t="s">
        <v>40</v>
      </c>
      <c r="O1212" s="1">
        <v>44318.890972222223</v>
      </c>
      <c r="P1212" s="1">
        <v>44318.893055555556</v>
      </c>
    </row>
    <row r="1213" spans="1:16" x14ac:dyDescent="0.4">
      <c r="A1213">
        <v>4484</v>
      </c>
      <c r="B1213">
        <v>244663</v>
      </c>
      <c r="C1213" s="1">
        <v>44319</v>
      </c>
      <c r="D1213">
        <v>168</v>
      </c>
      <c r="E1213">
        <v>103</v>
      </c>
      <c r="F1213" t="s">
        <v>38</v>
      </c>
      <c r="G1213">
        <v>7</v>
      </c>
      <c r="H1213">
        <v>605</v>
      </c>
      <c r="I1213">
        <v>1</v>
      </c>
      <c r="J1213">
        <v>0</v>
      </c>
      <c r="K1213">
        <v>1054317</v>
      </c>
      <c r="L1213">
        <v>1054318</v>
      </c>
      <c r="M1213">
        <v>108</v>
      </c>
      <c r="N1213" t="s">
        <v>40</v>
      </c>
      <c r="O1213" s="1">
        <v>44319.916666666664</v>
      </c>
      <c r="P1213" s="1">
        <v>44319.92291666667</v>
      </c>
    </row>
    <row r="1214" spans="1:16" x14ac:dyDescent="0.4">
      <c r="A1214">
        <v>4487</v>
      </c>
      <c r="B1214">
        <v>245095</v>
      </c>
      <c r="C1214" s="1">
        <v>44374</v>
      </c>
      <c r="D1214">
        <v>105</v>
      </c>
      <c r="E1214">
        <v>86</v>
      </c>
      <c r="F1214" t="s">
        <v>230</v>
      </c>
      <c r="G1214">
        <v>2</v>
      </c>
      <c r="H1214">
        <v>1980</v>
      </c>
      <c r="I1214">
        <v>1</v>
      </c>
      <c r="J1214">
        <v>0</v>
      </c>
      <c r="K1214">
        <v>1055838</v>
      </c>
      <c r="L1214">
        <v>1055839</v>
      </c>
      <c r="M1214">
        <v>91</v>
      </c>
      <c r="N1214" t="s">
        <v>231</v>
      </c>
      <c r="O1214" s="1">
        <v>44374.618055555555</v>
      </c>
      <c r="P1214" s="1">
        <v>44374.618750000001</v>
      </c>
    </row>
    <row r="1215" spans="1:16" x14ac:dyDescent="0.4">
      <c r="A1215">
        <v>4488</v>
      </c>
      <c r="B1215">
        <v>245095</v>
      </c>
      <c r="C1215" s="1">
        <v>44374</v>
      </c>
      <c r="D1215">
        <v>280</v>
      </c>
      <c r="E1215">
        <v>1266</v>
      </c>
      <c r="F1215" t="s">
        <v>162</v>
      </c>
      <c r="G1215">
        <v>2</v>
      </c>
      <c r="H1215">
        <v>594</v>
      </c>
      <c r="I1215">
        <v>1</v>
      </c>
      <c r="J1215">
        <v>0</v>
      </c>
      <c r="K1215">
        <v>1055840</v>
      </c>
      <c r="L1215">
        <v>1055841</v>
      </c>
      <c r="M1215">
        <v>91</v>
      </c>
      <c r="N1215" t="s">
        <v>231</v>
      </c>
      <c r="O1215" s="1">
        <v>44374.618055555555</v>
      </c>
      <c r="P1215" s="1">
        <v>44374.618750000001</v>
      </c>
    </row>
    <row r="1216" spans="1:16" x14ac:dyDescent="0.4">
      <c r="A1216">
        <v>4489</v>
      </c>
      <c r="B1216">
        <v>245095</v>
      </c>
      <c r="C1216" s="1">
        <v>44374</v>
      </c>
      <c r="D1216">
        <v>105</v>
      </c>
      <c r="E1216">
        <v>86</v>
      </c>
      <c r="F1216" t="s">
        <v>230</v>
      </c>
      <c r="G1216">
        <v>2</v>
      </c>
      <c r="H1216">
        <v>1980</v>
      </c>
      <c r="I1216">
        <v>1</v>
      </c>
      <c r="J1216">
        <v>0</v>
      </c>
      <c r="K1216">
        <v>1055842</v>
      </c>
      <c r="L1216">
        <v>1055843</v>
      </c>
      <c r="M1216">
        <v>91</v>
      </c>
      <c r="N1216" t="s">
        <v>231</v>
      </c>
      <c r="O1216" s="1">
        <v>44374.612500000003</v>
      </c>
      <c r="P1216" s="1">
        <v>44374.618750000001</v>
      </c>
    </row>
    <row r="1217" spans="1:16" x14ac:dyDescent="0.4">
      <c r="A1217">
        <v>4490</v>
      </c>
      <c r="B1217">
        <v>245359</v>
      </c>
      <c r="C1217" s="1">
        <v>44380</v>
      </c>
      <c r="D1217">
        <v>280</v>
      </c>
      <c r="E1217">
        <v>1266</v>
      </c>
      <c r="F1217" t="s">
        <v>162</v>
      </c>
      <c r="G1217">
        <v>8</v>
      </c>
      <c r="H1217">
        <v>594</v>
      </c>
      <c r="I1217">
        <v>1</v>
      </c>
      <c r="J1217">
        <v>0</v>
      </c>
      <c r="K1217">
        <v>1056773</v>
      </c>
      <c r="L1217">
        <v>1056774</v>
      </c>
      <c r="M1217">
        <v>85</v>
      </c>
      <c r="N1217" t="s">
        <v>15</v>
      </c>
      <c r="O1217" s="1">
        <v>44380.680555555555</v>
      </c>
      <c r="P1217" s="1">
        <v>44380.697222222225</v>
      </c>
    </row>
    <row r="1218" spans="1:16" x14ac:dyDescent="0.4">
      <c r="A1218">
        <v>4492</v>
      </c>
      <c r="B1218">
        <v>245701</v>
      </c>
      <c r="C1218" s="1">
        <v>44388</v>
      </c>
      <c r="D1218">
        <v>304</v>
      </c>
      <c r="E1218">
        <v>3126</v>
      </c>
      <c r="F1218" t="s">
        <v>176</v>
      </c>
      <c r="G1218">
        <v>20</v>
      </c>
      <c r="H1218">
        <v>0</v>
      </c>
      <c r="I1218">
        <v>1</v>
      </c>
      <c r="J1218">
        <v>0</v>
      </c>
      <c r="K1218">
        <v>1058046</v>
      </c>
      <c r="L1218">
        <v>1058047</v>
      </c>
      <c r="M1218">
        <v>98</v>
      </c>
      <c r="N1218" t="s">
        <v>155</v>
      </c>
      <c r="O1218" s="1">
        <v>44388.425694444442</v>
      </c>
      <c r="P1218" s="1">
        <v>44388.425694444442</v>
      </c>
    </row>
    <row r="1219" spans="1:16" x14ac:dyDescent="0.4">
      <c r="A1219">
        <v>4493</v>
      </c>
      <c r="B1219">
        <v>245805</v>
      </c>
      <c r="C1219" s="1">
        <v>44391</v>
      </c>
      <c r="D1219">
        <v>125</v>
      </c>
      <c r="E1219">
        <v>126</v>
      </c>
      <c r="F1219" t="s">
        <v>159</v>
      </c>
      <c r="G1219">
        <v>15</v>
      </c>
      <c r="H1219">
        <v>308</v>
      </c>
      <c r="I1219">
        <v>1</v>
      </c>
      <c r="J1219">
        <v>0</v>
      </c>
      <c r="K1219">
        <v>1058390</v>
      </c>
      <c r="L1219">
        <v>1058391</v>
      </c>
      <c r="M1219">
        <v>70</v>
      </c>
      <c r="N1219" t="s">
        <v>232</v>
      </c>
      <c r="O1219" s="1">
        <v>44391.477083333331</v>
      </c>
      <c r="P1219" s="1">
        <v>44391.535416666666</v>
      </c>
    </row>
    <row r="1220" spans="1:16" x14ac:dyDescent="0.4">
      <c r="A1220">
        <v>4494</v>
      </c>
      <c r="B1220">
        <v>245879</v>
      </c>
      <c r="C1220" s="1">
        <v>44392</v>
      </c>
      <c r="D1220">
        <v>125</v>
      </c>
      <c r="E1220">
        <v>126</v>
      </c>
      <c r="F1220" t="s">
        <v>159</v>
      </c>
      <c r="G1220">
        <v>13</v>
      </c>
      <c r="H1220">
        <v>308</v>
      </c>
      <c r="I1220">
        <v>1</v>
      </c>
      <c r="J1220">
        <v>0</v>
      </c>
      <c r="K1220">
        <v>1058618</v>
      </c>
      <c r="L1220">
        <v>1058619</v>
      </c>
      <c r="M1220">
        <v>70</v>
      </c>
      <c r="N1220" t="s">
        <v>232</v>
      </c>
      <c r="O1220" s="1">
        <v>44392.793749999997</v>
      </c>
      <c r="P1220" s="1">
        <v>44392.800694444442</v>
      </c>
    </row>
    <row r="1221" spans="1:16" x14ac:dyDescent="0.4">
      <c r="A1221">
        <v>4495</v>
      </c>
      <c r="B1221">
        <v>245987</v>
      </c>
      <c r="C1221" s="1">
        <v>44394</v>
      </c>
      <c r="D1221">
        <v>300</v>
      </c>
      <c r="E1221">
        <v>1433</v>
      </c>
      <c r="F1221" t="s">
        <v>129</v>
      </c>
      <c r="G1221">
        <v>4</v>
      </c>
      <c r="H1221">
        <v>418</v>
      </c>
      <c r="I1221">
        <v>1</v>
      </c>
      <c r="J1221">
        <v>0</v>
      </c>
      <c r="K1221">
        <v>1059028</v>
      </c>
      <c r="L1221">
        <v>1059029</v>
      </c>
      <c r="M1221">
        <v>70</v>
      </c>
      <c r="N1221" t="s">
        <v>232</v>
      </c>
      <c r="O1221" s="1">
        <v>44394.906944444447</v>
      </c>
      <c r="P1221" s="1">
        <v>44394.919444444444</v>
      </c>
    </row>
    <row r="1222" spans="1:16" x14ac:dyDescent="0.4">
      <c r="A1222">
        <v>4502</v>
      </c>
      <c r="B1222">
        <v>246095</v>
      </c>
      <c r="C1222" s="1">
        <v>44397</v>
      </c>
      <c r="D1222">
        <v>125</v>
      </c>
      <c r="E1222">
        <v>126</v>
      </c>
      <c r="F1222" t="s">
        <v>159</v>
      </c>
      <c r="G1222">
        <v>4</v>
      </c>
      <c r="H1222">
        <v>308</v>
      </c>
      <c r="I1222">
        <v>1</v>
      </c>
      <c r="J1222">
        <v>0</v>
      </c>
      <c r="K1222">
        <v>1059444</v>
      </c>
      <c r="L1222">
        <v>1059445</v>
      </c>
      <c r="M1222">
        <v>98</v>
      </c>
      <c r="N1222" t="s">
        <v>155</v>
      </c>
      <c r="O1222" s="1">
        <v>44397.552083333336</v>
      </c>
      <c r="P1222" s="1">
        <v>44397.555555555555</v>
      </c>
    </row>
    <row r="1223" spans="1:16" x14ac:dyDescent="0.4">
      <c r="A1223">
        <v>4503</v>
      </c>
      <c r="B1223">
        <v>246141</v>
      </c>
      <c r="C1223" s="1">
        <v>44398</v>
      </c>
      <c r="D1223">
        <v>304</v>
      </c>
      <c r="E1223">
        <v>3126</v>
      </c>
      <c r="F1223" t="s">
        <v>176</v>
      </c>
      <c r="G1223">
        <v>12</v>
      </c>
      <c r="H1223">
        <v>0</v>
      </c>
      <c r="I1223">
        <v>1</v>
      </c>
      <c r="J1223">
        <v>0</v>
      </c>
      <c r="K1223">
        <v>1059619</v>
      </c>
      <c r="L1223">
        <v>1059620</v>
      </c>
      <c r="M1223">
        <v>70</v>
      </c>
      <c r="N1223" t="s">
        <v>232</v>
      </c>
      <c r="O1223" s="1">
        <v>44398.722916666666</v>
      </c>
      <c r="P1223" s="1">
        <v>44398.73333333333</v>
      </c>
    </row>
    <row r="1224" spans="1:16" x14ac:dyDescent="0.4">
      <c r="A1224">
        <v>4504</v>
      </c>
      <c r="B1224">
        <v>246271</v>
      </c>
      <c r="C1224" s="1">
        <v>44400</v>
      </c>
      <c r="D1224">
        <v>146</v>
      </c>
      <c r="E1224">
        <v>131</v>
      </c>
      <c r="F1224" t="s">
        <v>41</v>
      </c>
      <c r="G1224">
        <v>20</v>
      </c>
      <c r="H1224">
        <v>495</v>
      </c>
      <c r="I1224">
        <v>1</v>
      </c>
      <c r="J1224">
        <v>0</v>
      </c>
      <c r="K1224">
        <v>1060130</v>
      </c>
      <c r="L1224">
        <v>1060131</v>
      </c>
      <c r="M1224">
        <v>108</v>
      </c>
      <c r="N1224" t="s">
        <v>45</v>
      </c>
      <c r="O1224" s="1">
        <v>44400.883333333331</v>
      </c>
      <c r="P1224" s="1">
        <v>44400.884027777778</v>
      </c>
    </row>
    <row r="1225" spans="1:16" x14ac:dyDescent="0.4">
      <c r="A1225">
        <v>4505</v>
      </c>
      <c r="B1225">
        <v>246424</v>
      </c>
      <c r="C1225" s="1">
        <v>44403</v>
      </c>
      <c r="D1225">
        <v>304</v>
      </c>
      <c r="E1225">
        <v>3126</v>
      </c>
      <c r="F1225" t="s">
        <v>176</v>
      </c>
      <c r="G1225">
        <v>1</v>
      </c>
      <c r="H1225">
        <v>0</v>
      </c>
      <c r="I1225">
        <v>1</v>
      </c>
      <c r="J1225">
        <v>0</v>
      </c>
      <c r="K1225">
        <v>1060816</v>
      </c>
      <c r="L1225">
        <v>1060817</v>
      </c>
      <c r="M1225">
        <v>95</v>
      </c>
      <c r="N1225" t="s">
        <v>68</v>
      </c>
      <c r="O1225" s="1">
        <v>44403.578472222223</v>
      </c>
      <c r="P1225" s="1">
        <v>44403.585416666669</v>
      </c>
    </row>
    <row r="1226" spans="1:16" x14ac:dyDescent="0.4">
      <c r="A1226">
        <v>4508</v>
      </c>
      <c r="B1226">
        <v>246474</v>
      </c>
      <c r="C1226" s="1">
        <v>44404</v>
      </c>
      <c r="D1226">
        <v>125</v>
      </c>
      <c r="E1226">
        <v>126</v>
      </c>
      <c r="F1226" t="s">
        <v>159</v>
      </c>
      <c r="G1226">
        <v>14</v>
      </c>
      <c r="H1226">
        <v>308</v>
      </c>
      <c r="I1226">
        <v>1</v>
      </c>
      <c r="J1226">
        <v>0</v>
      </c>
      <c r="K1226">
        <v>1060954</v>
      </c>
      <c r="L1226">
        <v>1060955</v>
      </c>
      <c r="M1226">
        <v>98</v>
      </c>
      <c r="N1226" t="s">
        <v>155</v>
      </c>
      <c r="O1226" s="1">
        <v>44404.604861111111</v>
      </c>
      <c r="P1226" s="1">
        <v>44404.604861111111</v>
      </c>
    </row>
    <row r="1227" spans="1:16" x14ac:dyDescent="0.4">
      <c r="A1227">
        <v>4403</v>
      </c>
      <c r="B1227">
        <v>235102</v>
      </c>
      <c r="C1227" s="1">
        <v>44090</v>
      </c>
      <c r="D1227">
        <v>90</v>
      </c>
      <c r="E1227">
        <v>71</v>
      </c>
      <c r="F1227" t="s">
        <v>91</v>
      </c>
      <c r="G1227">
        <v>12</v>
      </c>
      <c r="H1227">
        <v>400</v>
      </c>
      <c r="I1227">
        <v>1</v>
      </c>
      <c r="J1227">
        <v>0</v>
      </c>
      <c r="K1227">
        <v>1019778</v>
      </c>
      <c r="L1227">
        <v>1019779</v>
      </c>
      <c r="M1227">
        <v>98</v>
      </c>
      <c r="N1227" t="s">
        <v>155</v>
      </c>
      <c r="O1227" s="1">
        <v>44090.804861111108</v>
      </c>
      <c r="P1227" s="1">
        <v>44090.807638888888</v>
      </c>
    </row>
    <row r="1228" spans="1:16" x14ac:dyDescent="0.4">
      <c r="A1228">
        <v>4510</v>
      </c>
      <c r="B1228">
        <v>246682</v>
      </c>
      <c r="C1228" s="1">
        <v>44408</v>
      </c>
      <c r="D1228">
        <v>97</v>
      </c>
      <c r="E1228">
        <v>21</v>
      </c>
      <c r="F1228" t="s">
        <v>214</v>
      </c>
      <c r="G1228">
        <v>3</v>
      </c>
      <c r="H1228">
        <v>462</v>
      </c>
      <c r="I1228">
        <v>1</v>
      </c>
      <c r="J1228">
        <v>0</v>
      </c>
      <c r="K1228">
        <v>1061799</v>
      </c>
      <c r="L1228">
        <v>1061800</v>
      </c>
      <c r="M1228">
        <v>95</v>
      </c>
      <c r="N1228" t="s">
        <v>68</v>
      </c>
      <c r="O1228" s="1">
        <v>44409.048611111109</v>
      </c>
      <c r="P1228" s="1">
        <v>44409.05</v>
      </c>
    </row>
    <row r="1229" spans="1:16" x14ac:dyDescent="0.4">
      <c r="A1229">
        <v>4511</v>
      </c>
      <c r="B1229">
        <v>246962</v>
      </c>
      <c r="C1229" s="1">
        <v>44414</v>
      </c>
      <c r="D1229">
        <v>186</v>
      </c>
      <c r="E1229">
        <v>225</v>
      </c>
      <c r="F1229" t="s">
        <v>212</v>
      </c>
      <c r="G1229">
        <v>13</v>
      </c>
      <c r="H1229">
        <v>385</v>
      </c>
      <c r="I1229">
        <v>2</v>
      </c>
      <c r="J1229">
        <v>0</v>
      </c>
      <c r="K1229">
        <v>1062781</v>
      </c>
      <c r="L1229">
        <v>1062782</v>
      </c>
      <c r="M1229">
        <v>95</v>
      </c>
      <c r="N1229" t="s">
        <v>68</v>
      </c>
      <c r="O1229" s="1">
        <v>44414.930555555555</v>
      </c>
      <c r="P1229" s="1">
        <v>44414.931250000001</v>
      </c>
    </row>
    <row r="1230" spans="1:16" x14ac:dyDescent="0.4">
      <c r="A1230">
        <v>4512</v>
      </c>
      <c r="B1230">
        <v>247129</v>
      </c>
      <c r="C1230" s="1">
        <v>44417</v>
      </c>
      <c r="D1230">
        <v>125</v>
      </c>
      <c r="E1230">
        <v>126</v>
      </c>
      <c r="F1230" t="s">
        <v>159</v>
      </c>
      <c r="G1230">
        <v>3</v>
      </c>
      <c r="H1230">
        <v>308</v>
      </c>
      <c r="I1230">
        <v>1</v>
      </c>
      <c r="J1230">
        <v>0</v>
      </c>
      <c r="K1230">
        <v>1063476</v>
      </c>
      <c r="L1230">
        <v>1063477</v>
      </c>
      <c r="M1230">
        <v>95</v>
      </c>
      <c r="N1230" t="s">
        <v>68</v>
      </c>
      <c r="O1230" s="1">
        <v>44417.707638888889</v>
      </c>
      <c r="P1230" s="1">
        <v>44417.824999999997</v>
      </c>
    </row>
    <row r="1231" spans="1:16" x14ac:dyDescent="0.4">
      <c r="A1231">
        <v>4513</v>
      </c>
      <c r="B1231">
        <v>247544</v>
      </c>
      <c r="C1231" s="1">
        <v>44424</v>
      </c>
      <c r="D1231">
        <v>125</v>
      </c>
      <c r="E1231">
        <v>126</v>
      </c>
      <c r="F1231" t="s">
        <v>159</v>
      </c>
      <c r="G1231">
        <v>13</v>
      </c>
      <c r="H1231">
        <v>308</v>
      </c>
      <c r="I1231">
        <v>1</v>
      </c>
      <c r="J1231">
        <v>0</v>
      </c>
      <c r="K1231">
        <v>1065007</v>
      </c>
      <c r="L1231">
        <v>1065008</v>
      </c>
      <c r="M1231">
        <v>95</v>
      </c>
      <c r="N1231" t="s">
        <v>68</v>
      </c>
      <c r="O1231" s="1">
        <v>44424.654166666667</v>
      </c>
      <c r="P1231" s="1">
        <v>44424.724999999999</v>
      </c>
    </row>
    <row r="1232" spans="1:16" x14ac:dyDescent="0.4">
      <c r="A1232">
        <v>4514</v>
      </c>
      <c r="B1232">
        <v>247710</v>
      </c>
      <c r="C1232" s="1">
        <v>44428</v>
      </c>
      <c r="D1232">
        <v>290</v>
      </c>
      <c r="E1232">
        <v>1260</v>
      </c>
      <c r="F1232" t="s">
        <v>167</v>
      </c>
      <c r="G1232">
        <v>2</v>
      </c>
      <c r="H1232">
        <v>440</v>
      </c>
      <c r="I1232">
        <v>1</v>
      </c>
      <c r="J1232">
        <v>0</v>
      </c>
      <c r="K1232">
        <v>1065556</v>
      </c>
      <c r="L1232">
        <v>1065557</v>
      </c>
      <c r="M1232">
        <v>70</v>
      </c>
      <c r="N1232" t="s">
        <v>232</v>
      </c>
      <c r="O1232" s="1">
        <v>44428.560416666667</v>
      </c>
      <c r="P1232" s="1">
        <v>44428.565972222219</v>
      </c>
    </row>
    <row r="1233" spans="1:16" x14ac:dyDescent="0.4">
      <c r="A1233">
        <v>4515</v>
      </c>
      <c r="B1233">
        <v>247895</v>
      </c>
      <c r="C1233" s="1">
        <v>44433</v>
      </c>
      <c r="D1233">
        <v>280</v>
      </c>
      <c r="E1233">
        <v>1266</v>
      </c>
      <c r="F1233" t="s">
        <v>162</v>
      </c>
      <c r="G1233">
        <v>14</v>
      </c>
      <c r="H1233">
        <v>594</v>
      </c>
      <c r="I1233">
        <v>1</v>
      </c>
      <c r="J1233">
        <v>0</v>
      </c>
      <c r="K1233">
        <v>1066229</v>
      </c>
      <c r="L1233">
        <v>1066230</v>
      </c>
      <c r="M1233">
        <v>70</v>
      </c>
      <c r="N1233" t="s">
        <v>232</v>
      </c>
      <c r="O1233" s="1">
        <v>44433.474305555559</v>
      </c>
      <c r="P1233" s="1">
        <v>44433.474999999999</v>
      </c>
    </row>
    <row r="1234" spans="1:16" x14ac:dyDescent="0.4">
      <c r="A1234">
        <v>4517</v>
      </c>
      <c r="B1234">
        <v>247963</v>
      </c>
      <c r="C1234" s="1">
        <v>44470</v>
      </c>
      <c r="D1234">
        <v>57</v>
      </c>
      <c r="E1234">
        <v>30</v>
      </c>
      <c r="F1234" t="s">
        <v>227</v>
      </c>
      <c r="G1234">
        <v>1</v>
      </c>
      <c r="H1234">
        <v>352</v>
      </c>
      <c r="I1234">
        <v>1</v>
      </c>
      <c r="J1234">
        <v>0</v>
      </c>
      <c r="K1234">
        <v>1066459</v>
      </c>
      <c r="L1234">
        <v>1066460</v>
      </c>
      <c r="M1234">
        <v>103</v>
      </c>
      <c r="N1234" t="s">
        <v>15</v>
      </c>
      <c r="O1234" s="1">
        <v>44470.472916666666</v>
      </c>
      <c r="P1234" s="1">
        <v>44470.504166666666</v>
      </c>
    </row>
    <row r="1235" spans="1:16" x14ac:dyDescent="0.4">
      <c r="A1235">
        <v>4519</v>
      </c>
      <c r="B1235">
        <v>248375</v>
      </c>
      <c r="C1235" s="1">
        <v>44478</v>
      </c>
      <c r="D1235">
        <v>323</v>
      </c>
      <c r="E1235">
        <v>1</v>
      </c>
      <c r="F1235" t="s">
        <v>233</v>
      </c>
      <c r="G1235">
        <v>2</v>
      </c>
      <c r="H1235">
        <v>440</v>
      </c>
      <c r="I1235">
        <v>1</v>
      </c>
      <c r="J1235">
        <v>0</v>
      </c>
      <c r="K1235">
        <v>1068022</v>
      </c>
      <c r="L1235">
        <v>1068023</v>
      </c>
      <c r="M1235">
        <v>108</v>
      </c>
      <c r="N1235" t="s">
        <v>45</v>
      </c>
      <c r="O1235" s="1">
        <v>44478.748611111114</v>
      </c>
      <c r="P1235" s="1">
        <v>44478.759722222225</v>
      </c>
    </row>
    <row r="1236" spans="1:16" x14ac:dyDescent="0.4">
      <c r="A1236">
        <v>4521</v>
      </c>
      <c r="B1236">
        <v>248390</v>
      </c>
      <c r="C1236" s="1">
        <v>44478</v>
      </c>
      <c r="D1236">
        <v>97</v>
      </c>
      <c r="E1236">
        <v>21</v>
      </c>
      <c r="F1236" t="s">
        <v>214</v>
      </c>
      <c r="G1236">
        <v>8</v>
      </c>
      <c r="H1236">
        <v>462</v>
      </c>
      <c r="I1236">
        <v>2</v>
      </c>
      <c r="J1236">
        <v>0</v>
      </c>
      <c r="K1236">
        <v>1068151</v>
      </c>
      <c r="L1236">
        <v>1068152</v>
      </c>
      <c r="M1236">
        <v>108</v>
      </c>
      <c r="N1236" t="s">
        <v>45</v>
      </c>
      <c r="O1236" s="1">
        <v>44478.945138888892</v>
      </c>
      <c r="P1236" s="1">
        <v>44478.991666666669</v>
      </c>
    </row>
    <row r="1237" spans="1:16" x14ac:dyDescent="0.4">
      <c r="A1237">
        <v>4522</v>
      </c>
      <c r="B1237">
        <v>248719</v>
      </c>
      <c r="C1237" s="1">
        <v>44485</v>
      </c>
      <c r="D1237">
        <v>182</v>
      </c>
      <c r="E1237">
        <v>143</v>
      </c>
      <c r="F1237" t="s">
        <v>151</v>
      </c>
      <c r="G1237">
        <v>15</v>
      </c>
      <c r="H1237">
        <v>418</v>
      </c>
      <c r="I1237">
        <v>1</v>
      </c>
      <c r="J1237">
        <v>0</v>
      </c>
      <c r="K1237">
        <v>1069370</v>
      </c>
      <c r="L1237">
        <v>1069371</v>
      </c>
      <c r="M1237">
        <v>114</v>
      </c>
      <c r="N1237" t="s">
        <v>234</v>
      </c>
      <c r="O1237" s="1">
        <v>44485.995833333334</v>
      </c>
      <c r="P1237" s="1">
        <v>44486.022916666669</v>
      </c>
    </row>
    <row r="1238" spans="1:16" x14ac:dyDescent="0.4">
      <c r="A1238">
        <v>4525</v>
      </c>
      <c r="B1238">
        <v>248787</v>
      </c>
      <c r="C1238" s="1">
        <v>44487</v>
      </c>
      <c r="D1238">
        <v>368</v>
      </c>
      <c r="E1238">
        <v>98</v>
      </c>
      <c r="F1238" t="s">
        <v>235</v>
      </c>
      <c r="G1238">
        <v>4</v>
      </c>
      <c r="H1238">
        <v>320</v>
      </c>
      <c r="I1238">
        <v>1</v>
      </c>
      <c r="J1238">
        <v>0</v>
      </c>
      <c r="K1238">
        <v>1069648</v>
      </c>
      <c r="L1238">
        <v>1069649</v>
      </c>
      <c r="M1238">
        <v>103</v>
      </c>
      <c r="N1238" t="s">
        <v>15</v>
      </c>
      <c r="O1238" s="1">
        <v>44487.496527777781</v>
      </c>
      <c r="P1238" s="1">
        <v>44487.512499999997</v>
      </c>
    </row>
    <row r="1239" spans="1:16" x14ac:dyDescent="0.4">
      <c r="A1239">
        <v>4527</v>
      </c>
      <c r="B1239">
        <v>248827</v>
      </c>
      <c r="C1239" s="1">
        <v>44488</v>
      </c>
      <c r="D1239">
        <v>290</v>
      </c>
      <c r="E1239">
        <v>1260</v>
      </c>
      <c r="F1239" t="s">
        <v>167</v>
      </c>
      <c r="G1239">
        <v>19</v>
      </c>
      <c r="H1239">
        <v>440</v>
      </c>
      <c r="I1239">
        <v>1</v>
      </c>
      <c r="J1239">
        <v>0</v>
      </c>
      <c r="K1239">
        <v>1069785</v>
      </c>
      <c r="L1239">
        <v>1069786</v>
      </c>
      <c r="M1239">
        <v>98</v>
      </c>
      <c r="N1239" t="s">
        <v>155</v>
      </c>
      <c r="O1239" s="1">
        <v>44488.546527777777</v>
      </c>
      <c r="P1239" s="1">
        <v>44488.547222222223</v>
      </c>
    </row>
    <row r="1240" spans="1:16" x14ac:dyDescent="0.4">
      <c r="A1240">
        <v>4529</v>
      </c>
      <c r="B1240">
        <v>249145</v>
      </c>
      <c r="C1240" s="1">
        <v>44494</v>
      </c>
      <c r="D1240">
        <v>146</v>
      </c>
      <c r="E1240">
        <v>131</v>
      </c>
      <c r="F1240" t="s">
        <v>41</v>
      </c>
      <c r="G1240">
        <v>7</v>
      </c>
      <c r="H1240">
        <v>495</v>
      </c>
      <c r="I1240">
        <v>1</v>
      </c>
      <c r="J1240">
        <v>0</v>
      </c>
      <c r="K1240">
        <v>1071015</v>
      </c>
      <c r="L1240">
        <v>1071016</v>
      </c>
      <c r="M1240">
        <v>95</v>
      </c>
      <c r="N1240" t="s">
        <v>68</v>
      </c>
      <c r="O1240" s="1">
        <v>44495.075694444444</v>
      </c>
      <c r="P1240" s="1">
        <v>44495.080555555556</v>
      </c>
    </row>
    <row r="1241" spans="1:16" x14ac:dyDescent="0.4">
      <c r="A1241">
        <v>4530</v>
      </c>
      <c r="B1241">
        <v>249284</v>
      </c>
      <c r="C1241" s="1">
        <v>44498</v>
      </c>
      <c r="D1241">
        <v>290</v>
      </c>
      <c r="E1241">
        <v>1260</v>
      </c>
      <c r="F1241" t="s">
        <v>167</v>
      </c>
      <c r="G1241">
        <v>1</v>
      </c>
      <c r="H1241">
        <v>440</v>
      </c>
      <c r="I1241">
        <v>1</v>
      </c>
      <c r="J1241">
        <v>0</v>
      </c>
      <c r="K1241">
        <v>1071513</v>
      </c>
      <c r="L1241">
        <v>1071514</v>
      </c>
      <c r="M1241">
        <v>108</v>
      </c>
      <c r="N1241" t="s">
        <v>45</v>
      </c>
      <c r="O1241" s="1">
        <v>44499.159722222219</v>
      </c>
      <c r="P1241" s="1">
        <v>44499.166666666664</v>
      </c>
    </row>
    <row r="1242" spans="1:16" x14ac:dyDescent="0.4">
      <c r="A1242">
        <v>4531</v>
      </c>
      <c r="B1242">
        <v>249457</v>
      </c>
      <c r="C1242" s="1">
        <v>44501</v>
      </c>
      <c r="D1242">
        <v>280</v>
      </c>
      <c r="E1242">
        <v>1266</v>
      </c>
      <c r="F1242" t="s">
        <v>162</v>
      </c>
      <c r="G1242">
        <v>10</v>
      </c>
      <c r="H1242">
        <v>594</v>
      </c>
      <c r="I1242">
        <v>1</v>
      </c>
      <c r="J1242">
        <v>0</v>
      </c>
      <c r="K1242">
        <v>1072154</v>
      </c>
      <c r="L1242">
        <v>1072155</v>
      </c>
      <c r="M1242">
        <v>70</v>
      </c>
      <c r="N1242" t="s">
        <v>232</v>
      </c>
      <c r="O1242" s="1">
        <v>44501.85833333333</v>
      </c>
      <c r="P1242" s="1">
        <v>44501.939583333333</v>
      </c>
    </row>
    <row r="1243" spans="1:16" x14ac:dyDescent="0.4">
      <c r="A1243">
        <v>4532</v>
      </c>
      <c r="B1243">
        <v>249618</v>
      </c>
      <c r="C1243" s="1">
        <v>44505</v>
      </c>
      <c r="D1243">
        <v>290</v>
      </c>
      <c r="E1243">
        <v>1260</v>
      </c>
      <c r="F1243" t="s">
        <v>167</v>
      </c>
      <c r="G1243">
        <v>19</v>
      </c>
      <c r="H1243">
        <v>440</v>
      </c>
      <c r="I1243">
        <v>1</v>
      </c>
      <c r="J1243">
        <v>0</v>
      </c>
      <c r="K1243">
        <v>1072742</v>
      </c>
      <c r="L1243">
        <v>1072743</v>
      </c>
      <c r="M1243">
        <v>116</v>
      </c>
      <c r="N1243" t="s">
        <v>236</v>
      </c>
      <c r="O1243" s="1">
        <v>44505.584722222222</v>
      </c>
      <c r="P1243" s="1">
        <v>44505.586805555555</v>
      </c>
    </row>
    <row r="1244" spans="1:16" x14ac:dyDescent="0.4">
      <c r="A1244">
        <v>4535</v>
      </c>
      <c r="B1244">
        <v>249674</v>
      </c>
      <c r="C1244" s="1">
        <v>44506</v>
      </c>
      <c r="D1244">
        <v>290</v>
      </c>
      <c r="E1244">
        <v>1260</v>
      </c>
      <c r="F1244" t="s">
        <v>167</v>
      </c>
      <c r="G1244">
        <v>7</v>
      </c>
      <c r="H1244">
        <v>440</v>
      </c>
      <c r="I1244">
        <v>1</v>
      </c>
      <c r="J1244">
        <v>0</v>
      </c>
      <c r="K1244">
        <v>1072997</v>
      </c>
      <c r="L1244">
        <v>1072998</v>
      </c>
      <c r="M1244">
        <v>104</v>
      </c>
      <c r="N1244" t="s">
        <v>237</v>
      </c>
      <c r="O1244" s="1">
        <v>44506.599305555559</v>
      </c>
      <c r="P1244" s="1">
        <v>44506.611111111109</v>
      </c>
    </row>
    <row r="1245" spans="1:16" x14ac:dyDescent="0.4">
      <c r="A1245">
        <v>4536</v>
      </c>
      <c r="B1245">
        <v>249814</v>
      </c>
      <c r="C1245" s="1">
        <v>44509</v>
      </c>
      <c r="D1245">
        <v>125</v>
      </c>
      <c r="E1245">
        <v>126</v>
      </c>
      <c r="F1245" t="s">
        <v>159</v>
      </c>
      <c r="G1245">
        <v>14</v>
      </c>
      <c r="H1245">
        <v>308</v>
      </c>
      <c r="I1245">
        <v>1</v>
      </c>
      <c r="J1245">
        <v>0</v>
      </c>
      <c r="K1245">
        <v>1073506</v>
      </c>
      <c r="L1245">
        <v>1073507</v>
      </c>
      <c r="M1245">
        <v>98</v>
      </c>
      <c r="N1245" t="s">
        <v>155</v>
      </c>
      <c r="O1245" s="1">
        <v>44509.505555555559</v>
      </c>
      <c r="P1245" s="1">
        <v>44509.506249999999</v>
      </c>
    </row>
    <row r="1246" spans="1:16" x14ac:dyDescent="0.4">
      <c r="A1246">
        <v>4537</v>
      </c>
      <c r="B1246">
        <v>249929</v>
      </c>
      <c r="C1246" s="1">
        <v>44512</v>
      </c>
      <c r="D1246">
        <v>243</v>
      </c>
      <c r="E1246">
        <v>2299</v>
      </c>
      <c r="F1246" t="s">
        <v>150</v>
      </c>
      <c r="G1246">
        <v>13</v>
      </c>
      <c r="H1246">
        <v>418</v>
      </c>
      <c r="I1246">
        <v>1</v>
      </c>
      <c r="J1246">
        <v>0</v>
      </c>
      <c r="K1246">
        <v>1073912</v>
      </c>
      <c r="L1246">
        <v>1073913</v>
      </c>
      <c r="M1246">
        <v>70</v>
      </c>
      <c r="N1246" t="s">
        <v>232</v>
      </c>
      <c r="O1246" s="1">
        <v>44513.052777777775</v>
      </c>
      <c r="P1246" s="1">
        <v>44513.053472222222</v>
      </c>
    </row>
    <row r="1247" spans="1:16" x14ac:dyDescent="0.4">
      <c r="A1247">
        <v>4539</v>
      </c>
      <c r="B1247">
        <v>250096</v>
      </c>
      <c r="C1247" s="1">
        <v>44516</v>
      </c>
      <c r="D1247">
        <v>146</v>
      </c>
      <c r="E1247">
        <v>131</v>
      </c>
      <c r="F1247" t="s">
        <v>41</v>
      </c>
      <c r="G1247">
        <v>9</v>
      </c>
      <c r="H1247">
        <v>495</v>
      </c>
      <c r="I1247">
        <v>1</v>
      </c>
      <c r="J1247">
        <v>0</v>
      </c>
      <c r="K1247">
        <v>1074555</v>
      </c>
      <c r="L1247">
        <v>1074556</v>
      </c>
      <c r="M1247">
        <v>104</v>
      </c>
      <c r="N1247" t="s">
        <v>237</v>
      </c>
      <c r="O1247" s="1">
        <v>44516.78125</v>
      </c>
      <c r="P1247" s="1">
        <v>44516.786111111112</v>
      </c>
    </row>
    <row r="1248" spans="1:16" x14ac:dyDescent="0.4">
      <c r="A1248">
        <v>4540</v>
      </c>
      <c r="B1248">
        <v>250130</v>
      </c>
      <c r="C1248" s="1">
        <v>44517</v>
      </c>
      <c r="D1248">
        <v>78</v>
      </c>
      <c r="E1248">
        <v>57</v>
      </c>
      <c r="F1248" t="s">
        <v>166</v>
      </c>
      <c r="G1248">
        <v>3</v>
      </c>
      <c r="H1248">
        <v>0</v>
      </c>
      <c r="I1248">
        <v>1</v>
      </c>
      <c r="J1248">
        <v>0</v>
      </c>
      <c r="K1248">
        <v>1074695</v>
      </c>
      <c r="L1248">
        <v>1074696</v>
      </c>
      <c r="M1248">
        <v>70</v>
      </c>
      <c r="N1248" t="s">
        <v>232</v>
      </c>
      <c r="O1248" s="1">
        <v>44517.942361111112</v>
      </c>
      <c r="P1248" s="1">
        <v>44517.944444444445</v>
      </c>
    </row>
    <row r="1249" spans="1:16" x14ac:dyDescent="0.4">
      <c r="A1249">
        <v>4542</v>
      </c>
      <c r="B1249">
        <v>250203</v>
      </c>
      <c r="C1249" s="1">
        <v>44519</v>
      </c>
      <c r="D1249">
        <v>97</v>
      </c>
      <c r="E1249">
        <v>21</v>
      </c>
      <c r="F1249" t="s">
        <v>214</v>
      </c>
      <c r="G1249">
        <v>4</v>
      </c>
      <c r="H1249">
        <v>0</v>
      </c>
      <c r="I1249">
        <v>3</v>
      </c>
      <c r="J1249">
        <v>0</v>
      </c>
      <c r="K1249">
        <v>1074937</v>
      </c>
      <c r="L1249">
        <v>1074938</v>
      </c>
      <c r="M1249">
        <v>102</v>
      </c>
      <c r="N1249" t="s">
        <v>238</v>
      </c>
      <c r="O1249" s="1">
        <v>44519.79583333333</v>
      </c>
      <c r="P1249" s="1">
        <v>44519.802777777775</v>
      </c>
    </row>
    <row r="1250" spans="1:16" x14ac:dyDescent="0.4">
      <c r="A1250">
        <v>4543</v>
      </c>
      <c r="B1250">
        <v>250277</v>
      </c>
      <c r="C1250" s="1">
        <v>44520</v>
      </c>
      <c r="D1250">
        <v>125</v>
      </c>
      <c r="E1250">
        <v>126</v>
      </c>
      <c r="F1250" t="s">
        <v>159</v>
      </c>
      <c r="G1250">
        <v>11</v>
      </c>
      <c r="H1250">
        <v>308</v>
      </c>
      <c r="I1250">
        <v>1</v>
      </c>
      <c r="J1250">
        <v>0</v>
      </c>
      <c r="K1250">
        <v>1075285</v>
      </c>
      <c r="L1250">
        <v>1075286</v>
      </c>
      <c r="M1250">
        <v>108</v>
      </c>
      <c r="N1250" t="s">
        <v>45</v>
      </c>
      <c r="O1250" s="1">
        <v>44520.792361111111</v>
      </c>
      <c r="P1250" s="1">
        <v>44520.890277777777</v>
      </c>
    </row>
    <row r="1251" spans="1:16" x14ac:dyDescent="0.4">
      <c r="A1251">
        <v>4544</v>
      </c>
      <c r="B1251">
        <v>250520</v>
      </c>
      <c r="C1251" s="1">
        <v>44526</v>
      </c>
      <c r="D1251">
        <v>97</v>
      </c>
      <c r="E1251">
        <v>21</v>
      </c>
      <c r="F1251" t="s">
        <v>214</v>
      </c>
      <c r="G1251">
        <v>4</v>
      </c>
      <c r="H1251">
        <v>0</v>
      </c>
      <c r="I1251">
        <v>5</v>
      </c>
      <c r="J1251">
        <v>0</v>
      </c>
      <c r="K1251">
        <v>1076139</v>
      </c>
      <c r="L1251">
        <v>1076140</v>
      </c>
      <c r="M1251">
        <v>102</v>
      </c>
      <c r="N1251" t="s">
        <v>238</v>
      </c>
      <c r="O1251" s="1">
        <v>44526.770833333336</v>
      </c>
      <c r="P1251" s="1">
        <v>44526.783333333333</v>
      </c>
    </row>
    <row r="1252" spans="1:16" x14ac:dyDescent="0.4">
      <c r="A1252">
        <v>4546</v>
      </c>
      <c r="B1252">
        <v>250745</v>
      </c>
      <c r="C1252" s="1">
        <v>44531</v>
      </c>
      <c r="D1252">
        <v>304</v>
      </c>
      <c r="E1252">
        <v>3126</v>
      </c>
      <c r="F1252" t="s">
        <v>176</v>
      </c>
      <c r="G1252">
        <v>19</v>
      </c>
      <c r="H1252">
        <v>0</v>
      </c>
      <c r="I1252">
        <v>1</v>
      </c>
      <c r="J1252">
        <v>0</v>
      </c>
      <c r="K1252">
        <v>1076969</v>
      </c>
      <c r="L1252">
        <v>1076970</v>
      </c>
      <c r="M1252">
        <v>114</v>
      </c>
      <c r="N1252" t="s">
        <v>234</v>
      </c>
      <c r="O1252" s="1">
        <v>44531.570138888892</v>
      </c>
      <c r="P1252" s="1">
        <v>44531.575694444444</v>
      </c>
    </row>
    <row r="1253" spans="1:16" x14ac:dyDescent="0.4">
      <c r="A1253">
        <v>4547</v>
      </c>
      <c r="B1253">
        <v>250889</v>
      </c>
      <c r="C1253" s="1">
        <v>44534</v>
      </c>
      <c r="D1253">
        <v>280</v>
      </c>
      <c r="E1253">
        <v>1266</v>
      </c>
      <c r="F1253" t="s">
        <v>162</v>
      </c>
      <c r="G1253">
        <v>8</v>
      </c>
      <c r="H1253">
        <v>594</v>
      </c>
      <c r="I1253">
        <v>1</v>
      </c>
      <c r="J1253">
        <v>0</v>
      </c>
      <c r="K1253">
        <v>1077515</v>
      </c>
      <c r="L1253">
        <v>1077516</v>
      </c>
      <c r="M1253">
        <v>115</v>
      </c>
      <c r="N1253" t="s">
        <v>239</v>
      </c>
      <c r="O1253" s="1">
        <v>44534.633333333331</v>
      </c>
      <c r="P1253" s="1">
        <v>44534.633333333331</v>
      </c>
    </row>
    <row r="1254" spans="1:16" x14ac:dyDescent="0.4">
      <c r="A1254">
        <v>4549</v>
      </c>
      <c r="B1254">
        <v>251039</v>
      </c>
      <c r="C1254" s="1">
        <v>44537</v>
      </c>
      <c r="D1254">
        <v>125</v>
      </c>
      <c r="E1254">
        <v>126</v>
      </c>
      <c r="F1254" t="s">
        <v>159</v>
      </c>
      <c r="G1254">
        <v>15</v>
      </c>
      <c r="H1254">
        <v>308</v>
      </c>
      <c r="I1254">
        <v>1</v>
      </c>
      <c r="J1254">
        <v>0</v>
      </c>
      <c r="K1254">
        <v>1078139</v>
      </c>
      <c r="L1254">
        <v>1078140</v>
      </c>
      <c r="M1254">
        <v>116</v>
      </c>
      <c r="N1254" t="s">
        <v>236</v>
      </c>
      <c r="O1254" s="1">
        <v>44537.513194444444</v>
      </c>
      <c r="P1254" s="1">
        <v>44537.59097222222</v>
      </c>
    </row>
    <row r="1255" spans="1:16" x14ac:dyDescent="0.4">
      <c r="A1255">
        <v>4550</v>
      </c>
      <c r="B1255">
        <v>251094</v>
      </c>
      <c r="C1255" s="1">
        <v>44538</v>
      </c>
      <c r="D1255">
        <v>307</v>
      </c>
      <c r="E1255">
        <v>1269</v>
      </c>
      <c r="F1255" t="s">
        <v>193</v>
      </c>
      <c r="G1255">
        <v>17</v>
      </c>
      <c r="H1255">
        <v>638</v>
      </c>
      <c r="I1255">
        <v>1</v>
      </c>
      <c r="J1255">
        <v>0</v>
      </c>
      <c r="K1255">
        <v>1078301</v>
      </c>
      <c r="L1255">
        <v>1078302</v>
      </c>
      <c r="M1255">
        <v>104</v>
      </c>
      <c r="N1255" t="s">
        <v>237</v>
      </c>
      <c r="O1255" s="1">
        <v>44538.787499999999</v>
      </c>
      <c r="P1255" s="1">
        <v>44538.787499999999</v>
      </c>
    </row>
    <row r="1256" spans="1:16" x14ac:dyDescent="0.4">
      <c r="A1256">
        <v>4551</v>
      </c>
      <c r="B1256">
        <v>251165</v>
      </c>
      <c r="C1256" s="1">
        <v>44540</v>
      </c>
      <c r="D1256">
        <v>125</v>
      </c>
      <c r="E1256">
        <v>126</v>
      </c>
      <c r="F1256" t="s">
        <v>159</v>
      </c>
      <c r="G1256">
        <v>17</v>
      </c>
      <c r="H1256">
        <v>308</v>
      </c>
      <c r="I1256">
        <v>1</v>
      </c>
      <c r="J1256">
        <v>0</v>
      </c>
      <c r="K1256">
        <v>1078621</v>
      </c>
      <c r="L1256">
        <v>1078622</v>
      </c>
      <c r="M1256">
        <v>108</v>
      </c>
      <c r="N1256" t="s">
        <v>45</v>
      </c>
      <c r="O1256" s="1">
        <v>44540.734027777777</v>
      </c>
      <c r="P1256" s="1">
        <v>44540.836805555555</v>
      </c>
    </row>
    <row r="1257" spans="1:16" x14ac:dyDescent="0.4">
      <c r="A1257">
        <v>4552</v>
      </c>
      <c r="B1257">
        <v>251226</v>
      </c>
      <c r="C1257" s="1">
        <v>44541</v>
      </c>
      <c r="D1257">
        <v>125</v>
      </c>
      <c r="E1257">
        <v>126</v>
      </c>
      <c r="F1257" t="s">
        <v>159</v>
      </c>
      <c r="G1257">
        <v>1</v>
      </c>
      <c r="H1257">
        <v>308</v>
      </c>
      <c r="I1257">
        <v>1</v>
      </c>
      <c r="J1257">
        <v>0</v>
      </c>
      <c r="K1257">
        <v>1078864</v>
      </c>
      <c r="L1257">
        <v>1078865</v>
      </c>
      <c r="M1257">
        <v>115</v>
      </c>
      <c r="N1257" t="s">
        <v>239</v>
      </c>
      <c r="O1257" s="1">
        <v>44541.667361111111</v>
      </c>
      <c r="P1257" s="1">
        <v>44541.688194444447</v>
      </c>
    </row>
    <row r="1258" spans="1:16" x14ac:dyDescent="0.4">
      <c r="A1258">
        <v>4554</v>
      </c>
      <c r="B1258">
        <v>251293</v>
      </c>
      <c r="C1258" s="1">
        <v>44542</v>
      </c>
      <c r="D1258">
        <v>290</v>
      </c>
      <c r="E1258">
        <v>1260</v>
      </c>
      <c r="F1258" t="s">
        <v>167</v>
      </c>
      <c r="G1258">
        <v>4</v>
      </c>
      <c r="H1258">
        <v>440</v>
      </c>
      <c r="I1258">
        <v>1</v>
      </c>
      <c r="J1258">
        <v>0</v>
      </c>
      <c r="K1258">
        <v>1079136</v>
      </c>
      <c r="L1258">
        <v>1079137</v>
      </c>
      <c r="M1258">
        <v>115</v>
      </c>
      <c r="N1258" t="s">
        <v>239</v>
      </c>
      <c r="O1258" s="1">
        <v>44542.554861111108</v>
      </c>
      <c r="P1258" s="1">
        <v>44542.554861111108</v>
      </c>
    </row>
    <row r="1259" spans="1:16" x14ac:dyDescent="0.4">
      <c r="A1259">
        <v>4555</v>
      </c>
      <c r="B1259">
        <v>251505</v>
      </c>
      <c r="C1259" s="1">
        <v>44547</v>
      </c>
      <c r="D1259">
        <v>97</v>
      </c>
      <c r="E1259">
        <v>21</v>
      </c>
      <c r="F1259" t="s">
        <v>214</v>
      </c>
      <c r="G1259">
        <v>10</v>
      </c>
      <c r="H1259">
        <v>462</v>
      </c>
      <c r="I1259">
        <v>1</v>
      </c>
      <c r="J1259">
        <v>0</v>
      </c>
      <c r="K1259">
        <v>1079899</v>
      </c>
      <c r="L1259">
        <v>1079900</v>
      </c>
      <c r="M1259">
        <v>116</v>
      </c>
      <c r="N1259" t="s">
        <v>236</v>
      </c>
      <c r="O1259" s="1">
        <v>44547.70208333333</v>
      </c>
      <c r="P1259" s="1">
        <v>44547.70416666667</v>
      </c>
    </row>
    <row r="1260" spans="1:16" x14ac:dyDescent="0.4">
      <c r="A1260">
        <v>4556</v>
      </c>
      <c r="B1260">
        <v>251877</v>
      </c>
      <c r="C1260" s="1">
        <v>44554</v>
      </c>
      <c r="D1260">
        <v>290</v>
      </c>
      <c r="E1260">
        <v>1260</v>
      </c>
      <c r="F1260" t="s">
        <v>167</v>
      </c>
      <c r="G1260">
        <v>12</v>
      </c>
      <c r="H1260">
        <v>440</v>
      </c>
      <c r="I1260">
        <v>1</v>
      </c>
      <c r="J1260">
        <v>0</v>
      </c>
      <c r="K1260">
        <v>1081439</v>
      </c>
      <c r="L1260">
        <v>1081440</v>
      </c>
      <c r="M1260">
        <v>114</v>
      </c>
      <c r="N1260" t="s">
        <v>234</v>
      </c>
      <c r="O1260" s="1">
        <v>44554.672222222223</v>
      </c>
      <c r="P1260" s="1">
        <v>44554.675000000003</v>
      </c>
    </row>
    <row r="1261" spans="1:16" x14ac:dyDescent="0.4">
      <c r="A1261">
        <v>4558</v>
      </c>
      <c r="B1261">
        <v>251989</v>
      </c>
      <c r="C1261" s="1">
        <v>44555</v>
      </c>
      <c r="D1261">
        <v>57</v>
      </c>
      <c r="E1261">
        <v>30</v>
      </c>
      <c r="F1261" t="s">
        <v>227</v>
      </c>
      <c r="G1261">
        <v>12</v>
      </c>
      <c r="H1261">
        <v>352</v>
      </c>
      <c r="I1261">
        <v>1</v>
      </c>
      <c r="J1261">
        <v>0</v>
      </c>
      <c r="K1261">
        <v>1081779</v>
      </c>
      <c r="L1261">
        <v>1081780</v>
      </c>
      <c r="M1261">
        <v>108</v>
      </c>
      <c r="N1261" t="s">
        <v>45</v>
      </c>
      <c r="O1261" s="1">
        <v>44555.925000000003</v>
      </c>
      <c r="P1261" s="1">
        <v>44555.925000000003</v>
      </c>
    </row>
    <row r="1262" spans="1:16" x14ac:dyDescent="0.4">
      <c r="A1262">
        <v>4559</v>
      </c>
      <c r="B1262">
        <v>252147</v>
      </c>
      <c r="C1262" s="1">
        <v>44558</v>
      </c>
      <c r="D1262">
        <v>125</v>
      </c>
      <c r="E1262">
        <v>126</v>
      </c>
      <c r="F1262" t="s">
        <v>159</v>
      </c>
      <c r="G1262">
        <v>17</v>
      </c>
      <c r="H1262">
        <v>308</v>
      </c>
      <c r="I1262">
        <v>1</v>
      </c>
      <c r="J1262">
        <v>0</v>
      </c>
      <c r="K1262">
        <v>1082360</v>
      </c>
      <c r="L1262">
        <v>1082361</v>
      </c>
      <c r="M1262">
        <v>116</v>
      </c>
      <c r="N1262" t="s">
        <v>236</v>
      </c>
      <c r="O1262" s="1">
        <v>44558.635416666664</v>
      </c>
      <c r="P1262" s="1">
        <v>44558.67083333333</v>
      </c>
    </row>
    <row r="1263" spans="1:16" x14ac:dyDescent="0.4">
      <c r="A1263">
        <v>4565</v>
      </c>
      <c r="B1263">
        <v>252226</v>
      </c>
      <c r="C1263" s="1">
        <v>44559</v>
      </c>
      <c r="D1263">
        <v>125</v>
      </c>
      <c r="E1263">
        <v>126</v>
      </c>
      <c r="F1263" t="s">
        <v>159</v>
      </c>
      <c r="G1263">
        <v>11</v>
      </c>
      <c r="H1263">
        <v>308</v>
      </c>
      <c r="I1263">
        <v>1</v>
      </c>
      <c r="J1263">
        <v>0</v>
      </c>
      <c r="K1263">
        <v>1082672</v>
      </c>
      <c r="L1263">
        <v>1082673</v>
      </c>
      <c r="M1263">
        <v>116</v>
      </c>
      <c r="N1263" t="s">
        <v>236</v>
      </c>
      <c r="O1263" s="1">
        <v>44559.52847222222</v>
      </c>
      <c r="P1263" s="1">
        <v>44559.537499999999</v>
      </c>
    </row>
    <row r="1264" spans="1:16" x14ac:dyDescent="0.4">
      <c r="A1264">
        <v>4569</v>
      </c>
      <c r="B1264">
        <v>252358</v>
      </c>
      <c r="C1264" s="1">
        <v>44560</v>
      </c>
      <c r="D1264">
        <v>10</v>
      </c>
      <c r="E1264">
        <v>102</v>
      </c>
      <c r="F1264" t="s">
        <v>2</v>
      </c>
      <c r="G1264">
        <v>2</v>
      </c>
      <c r="H1264">
        <v>462</v>
      </c>
      <c r="I1264">
        <v>1</v>
      </c>
      <c r="J1264">
        <v>0</v>
      </c>
      <c r="K1264">
        <v>1083344</v>
      </c>
      <c r="L1264">
        <v>1083345</v>
      </c>
      <c r="M1264">
        <v>108</v>
      </c>
      <c r="N1264" t="s">
        <v>45</v>
      </c>
      <c r="O1264" s="1">
        <v>44560.929166666669</v>
      </c>
      <c r="P1264" s="1">
        <v>44560.942361111112</v>
      </c>
    </row>
    <row r="1265" spans="1:16" x14ac:dyDescent="0.4">
      <c r="A1265">
        <v>4571</v>
      </c>
      <c r="B1265">
        <v>252507</v>
      </c>
      <c r="C1265" s="1">
        <v>44563</v>
      </c>
      <c r="D1265">
        <v>125</v>
      </c>
      <c r="E1265">
        <v>126</v>
      </c>
      <c r="F1265" t="s">
        <v>159</v>
      </c>
      <c r="G1265">
        <v>10</v>
      </c>
      <c r="H1265">
        <v>308</v>
      </c>
      <c r="I1265">
        <v>1</v>
      </c>
      <c r="J1265">
        <v>0</v>
      </c>
      <c r="K1265">
        <v>1083997</v>
      </c>
      <c r="L1265">
        <v>1083998</v>
      </c>
      <c r="M1265">
        <v>115</v>
      </c>
      <c r="N1265" t="s">
        <v>239</v>
      </c>
      <c r="O1265" s="1">
        <v>44564.104861111111</v>
      </c>
      <c r="P1265" s="1">
        <v>44564.109722222223</v>
      </c>
    </row>
    <row r="1266" spans="1:16" x14ac:dyDescent="0.4">
      <c r="A1266">
        <v>4572</v>
      </c>
      <c r="B1266">
        <v>252526</v>
      </c>
      <c r="C1266" s="1">
        <v>44564</v>
      </c>
      <c r="D1266">
        <v>280</v>
      </c>
      <c r="E1266">
        <v>1266</v>
      </c>
      <c r="F1266" t="s">
        <v>162</v>
      </c>
      <c r="G1266">
        <v>20</v>
      </c>
      <c r="H1266">
        <v>594</v>
      </c>
      <c r="I1266">
        <v>1</v>
      </c>
      <c r="J1266">
        <v>0</v>
      </c>
      <c r="K1266">
        <v>1084050</v>
      </c>
      <c r="L1266">
        <v>1084051</v>
      </c>
      <c r="M1266">
        <v>103</v>
      </c>
      <c r="N1266" t="s">
        <v>15</v>
      </c>
      <c r="O1266" s="1">
        <v>44564.566666666666</v>
      </c>
      <c r="P1266" s="1">
        <v>44564.576388888891</v>
      </c>
    </row>
    <row r="1267" spans="1:16" x14ac:dyDescent="0.4">
      <c r="A1267">
        <v>4575</v>
      </c>
      <c r="B1267">
        <v>252832</v>
      </c>
      <c r="C1267" s="1">
        <v>44569</v>
      </c>
      <c r="D1267">
        <v>290</v>
      </c>
      <c r="E1267">
        <v>1260</v>
      </c>
      <c r="F1267" t="s">
        <v>167</v>
      </c>
      <c r="G1267">
        <v>18</v>
      </c>
      <c r="H1267">
        <v>440</v>
      </c>
      <c r="I1267">
        <v>1</v>
      </c>
      <c r="J1267">
        <v>0</v>
      </c>
      <c r="K1267">
        <v>1085201</v>
      </c>
      <c r="L1267">
        <v>1085202</v>
      </c>
      <c r="M1267">
        <v>108</v>
      </c>
      <c r="N1267" t="s">
        <v>45</v>
      </c>
      <c r="O1267" s="1">
        <v>44569.570138888892</v>
      </c>
      <c r="P1267" s="1">
        <v>44569.570138888892</v>
      </c>
    </row>
    <row r="1268" spans="1:16" x14ac:dyDescent="0.4">
      <c r="A1268">
        <v>4576</v>
      </c>
      <c r="B1268">
        <v>252923</v>
      </c>
      <c r="C1268" s="1">
        <v>44570</v>
      </c>
      <c r="D1268">
        <v>125</v>
      </c>
      <c r="E1268">
        <v>126</v>
      </c>
      <c r="F1268" t="s">
        <v>159</v>
      </c>
      <c r="G1268">
        <v>19</v>
      </c>
      <c r="H1268">
        <v>308</v>
      </c>
      <c r="I1268">
        <v>1</v>
      </c>
      <c r="J1268">
        <v>0</v>
      </c>
      <c r="K1268">
        <v>1085516</v>
      </c>
      <c r="L1268">
        <v>1085517</v>
      </c>
      <c r="M1268">
        <v>103</v>
      </c>
      <c r="N1268" t="s">
        <v>15</v>
      </c>
      <c r="O1268" s="1">
        <v>44570.622916666667</v>
      </c>
      <c r="P1268" s="1">
        <v>44570.669444444444</v>
      </c>
    </row>
    <row r="1269" spans="1:16" x14ac:dyDescent="0.4">
      <c r="A1269">
        <v>4578</v>
      </c>
      <c r="B1269">
        <v>253120</v>
      </c>
      <c r="C1269" s="1">
        <v>44574</v>
      </c>
      <c r="D1269">
        <v>307</v>
      </c>
      <c r="E1269">
        <v>1269</v>
      </c>
      <c r="F1269" t="s">
        <v>193</v>
      </c>
      <c r="G1269">
        <v>19</v>
      </c>
      <c r="H1269">
        <v>638</v>
      </c>
      <c r="I1269">
        <v>1</v>
      </c>
      <c r="J1269">
        <v>0</v>
      </c>
      <c r="K1269">
        <v>1086254</v>
      </c>
      <c r="L1269">
        <v>1086255</v>
      </c>
      <c r="M1269">
        <v>95</v>
      </c>
      <c r="N1269" t="s">
        <v>68</v>
      </c>
      <c r="O1269" s="1">
        <v>44574.998611111114</v>
      </c>
      <c r="P1269" s="1">
        <v>44575.079861111109</v>
      </c>
    </row>
    <row r="1270" spans="1:16" x14ac:dyDescent="0.4">
      <c r="A1270">
        <v>4579</v>
      </c>
      <c r="B1270">
        <v>253445</v>
      </c>
      <c r="C1270" s="1">
        <v>44582</v>
      </c>
      <c r="D1270">
        <v>280</v>
      </c>
      <c r="E1270">
        <v>1266</v>
      </c>
      <c r="F1270" t="s">
        <v>162</v>
      </c>
      <c r="G1270">
        <v>13</v>
      </c>
      <c r="H1270">
        <v>594</v>
      </c>
      <c r="I1270">
        <v>1</v>
      </c>
      <c r="J1270">
        <v>0</v>
      </c>
      <c r="K1270">
        <v>1087385</v>
      </c>
      <c r="L1270">
        <v>1087386</v>
      </c>
      <c r="M1270">
        <v>114</v>
      </c>
      <c r="N1270" t="s">
        <v>234</v>
      </c>
      <c r="O1270" s="1">
        <v>44582.751388888886</v>
      </c>
      <c r="P1270" s="1">
        <v>44582.751388888886</v>
      </c>
    </row>
    <row r="1271" spans="1:16" x14ac:dyDescent="0.4">
      <c r="A1271">
        <v>4580</v>
      </c>
      <c r="B1271">
        <v>253448</v>
      </c>
      <c r="C1271" s="1">
        <v>44583</v>
      </c>
      <c r="D1271">
        <v>96</v>
      </c>
      <c r="E1271">
        <v>20</v>
      </c>
      <c r="F1271" t="s">
        <v>63</v>
      </c>
      <c r="G1271">
        <v>1</v>
      </c>
      <c r="H1271">
        <v>462</v>
      </c>
      <c r="I1271">
        <v>1</v>
      </c>
      <c r="J1271">
        <v>0</v>
      </c>
      <c r="K1271">
        <v>1087432</v>
      </c>
      <c r="L1271">
        <v>1087433</v>
      </c>
      <c r="M1271">
        <v>118</v>
      </c>
      <c r="N1271" t="s">
        <v>240</v>
      </c>
      <c r="O1271" s="1">
        <v>44583.424305555556</v>
      </c>
      <c r="P1271" s="1">
        <v>44583.467361111114</v>
      </c>
    </row>
    <row r="1272" spans="1:16" x14ac:dyDescent="0.4">
      <c r="A1272">
        <v>4581</v>
      </c>
      <c r="B1272">
        <v>253639</v>
      </c>
      <c r="C1272" s="1">
        <v>44588</v>
      </c>
      <c r="D1272">
        <v>96</v>
      </c>
      <c r="E1272">
        <v>20</v>
      </c>
      <c r="F1272" t="s">
        <v>63</v>
      </c>
      <c r="G1272">
        <v>1</v>
      </c>
      <c r="H1272">
        <v>462</v>
      </c>
      <c r="I1272">
        <v>1</v>
      </c>
      <c r="J1272">
        <v>0</v>
      </c>
      <c r="K1272">
        <v>1088066</v>
      </c>
      <c r="L1272">
        <v>1088067</v>
      </c>
      <c r="M1272">
        <v>119</v>
      </c>
      <c r="N1272" t="s">
        <v>241</v>
      </c>
      <c r="O1272" s="1">
        <v>44588.459027777775</v>
      </c>
      <c r="P1272" s="1">
        <v>44588.460416666669</v>
      </c>
    </row>
    <row r="1273" spans="1:16" x14ac:dyDescent="0.4">
      <c r="A1273">
        <v>4582</v>
      </c>
      <c r="B1273">
        <v>253787</v>
      </c>
      <c r="C1273" s="1">
        <v>44591</v>
      </c>
      <c r="D1273">
        <v>323</v>
      </c>
      <c r="E1273">
        <v>1</v>
      </c>
      <c r="F1273" t="s">
        <v>233</v>
      </c>
      <c r="G1273">
        <v>8</v>
      </c>
      <c r="H1273">
        <v>440</v>
      </c>
      <c r="I1273">
        <v>1</v>
      </c>
      <c r="J1273">
        <v>0</v>
      </c>
      <c r="K1273">
        <v>1088540</v>
      </c>
      <c r="L1273">
        <v>1088541</v>
      </c>
      <c r="M1273">
        <v>115</v>
      </c>
      <c r="N1273" t="s">
        <v>239</v>
      </c>
      <c r="O1273" s="1">
        <v>44591.75</v>
      </c>
      <c r="P1273" s="1">
        <v>44591.750694444447</v>
      </c>
    </row>
    <row r="1274" spans="1:16" x14ac:dyDescent="0.4">
      <c r="A1274">
        <v>4584</v>
      </c>
      <c r="B1274">
        <v>254012</v>
      </c>
      <c r="C1274" s="1">
        <v>44598</v>
      </c>
      <c r="D1274">
        <v>280</v>
      </c>
      <c r="E1274">
        <v>1266</v>
      </c>
      <c r="F1274" t="s">
        <v>162</v>
      </c>
      <c r="G1274">
        <v>12</v>
      </c>
      <c r="H1274">
        <v>594</v>
      </c>
      <c r="I1274">
        <v>1</v>
      </c>
      <c r="J1274">
        <v>0</v>
      </c>
      <c r="K1274">
        <v>1089342</v>
      </c>
      <c r="L1274">
        <v>1089343</v>
      </c>
      <c r="M1274">
        <v>115</v>
      </c>
      <c r="N1274" t="s">
        <v>239</v>
      </c>
      <c r="O1274" s="1">
        <v>44598.625694444447</v>
      </c>
      <c r="P1274" s="1">
        <v>44598.657638888886</v>
      </c>
    </row>
    <row r="1275" spans="1:16" x14ac:dyDescent="0.4">
      <c r="A1275">
        <v>4585</v>
      </c>
      <c r="B1275">
        <v>254360</v>
      </c>
      <c r="C1275" s="1">
        <v>44608</v>
      </c>
      <c r="D1275">
        <v>125</v>
      </c>
      <c r="E1275">
        <v>126</v>
      </c>
      <c r="F1275" t="s">
        <v>159</v>
      </c>
      <c r="G1275">
        <v>11</v>
      </c>
      <c r="H1275">
        <v>308</v>
      </c>
      <c r="I1275">
        <v>1</v>
      </c>
      <c r="J1275">
        <v>0</v>
      </c>
      <c r="K1275">
        <v>1090442</v>
      </c>
      <c r="L1275">
        <v>1090443</v>
      </c>
      <c r="M1275">
        <v>108</v>
      </c>
      <c r="N1275" t="s">
        <v>45</v>
      </c>
      <c r="O1275" s="1">
        <v>44608.694444444445</v>
      </c>
      <c r="P1275" s="1">
        <v>44608.77847222222</v>
      </c>
    </row>
    <row r="1276" spans="1:16" x14ac:dyDescent="0.4">
      <c r="A1276">
        <v>4587</v>
      </c>
      <c r="B1276">
        <v>254775</v>
      </c>
      <c r="C1276" s="1">
        <v>44618</v>
      </c>
      <c r="D1276">
        <v>186</v>
      </c>
      <c r="E1276">
        <v>225</v>
      </c>
      <c r="F1276" t="s">
        <v>212</v>
      </c>
      <c r="G1276">
        <v>4</v>
      </c>
      <c r="H1276">
        <v>385</v>
      </c>
      <c r="I1276">
        <v>2</v>
      </c>
      <c r="J1276">
        <v>0</v>
      </c>
      <c r="K1276">
        <v>1091778</v>
      </c>
      <c r="L1276">
        <v>1091779</v>
      </c>
      <c r="M1276">
        <v>108</v>
      </c>
      <c r="N1276" t="s">
        <v>45</v>
      </c>
      <c r="O1276" s="1">
        <v>44618.826388888891</v>
      </c>
      <c r="P1276" s="1">
        <v>44618.836805555555</v>
      </c>
    </row>
    <row r="1277" spans="1:16" x14ac:dyDescent="0.4">
      <c r="A1277">
        <v>4588</v>
      </c>
      <c r="B1277">
        <v>254857</v>
      </c>
      <c r="C1277" s="1">
        <v>44620</v>
      </c>
      <c r="D1277">
        <v>125</v>
      </c>
      <c r="E1277">
        <v>126</v>
      </c>
      <c r="F1277" t="s">
        <v>159</v>
      </c>
      <c r="G1277">
        <v>5</v>
      </c>
      <c r="H1277">
        <v>308</v>
      </c>
      <c r="I1277">
        <v>1</v>
      </c>
      <c r="J1277">
        <v>0</v>
      </c>
      <c r="K1277">
        <v>1092088</v>
      </c>
      <c r="L1277">
        <v>1092089</v>
      </c>
      <c r="M1277">
        <v>103</v>
      </c>
      <c r="N1277" t="s">
        <v>15</v>
      </c>
      <c r="O1277" s="1">
        <v>44620.666666666664</v>
      </c>
      <c r="P1277" s="1">
        <v>44620.731249999997</v>
      </c>
    </row>
    <row r="1278" spans="1:16" x14ac:dyDescent="0.4">
      <c r="A1278">
        <v>4589</v>
      </c>
      <c r="B1278">
        <v>255084</v>
      </c>
      <c r="C1278" s="1">
        <v>44625</v>
      </c>
      <c r="D1278">
        <v>383</v>
      </c>
      <c r="E1278">
        <v>5</v>
      </c>
      <c r="F1278" t="s">
        <v>242</v>
      </c>
      <c r="G1278">
        <v>7</v>
      </c>
      <c r="H1278">
        <v>0</v>
      </c>
      <c r="I1278">
        <v>1</v>
      </c>
      <c r="J1278">
        <v>0</v>
      </c>
      <c r="K1278">
        <v>1092808</v>
      </c>
      <c r="L1278">
        <v>1092809</v>
      </c>
      <c r="M1278">
        <v>108</v>
      </c>
      <c r="N1278" t="s">
        <v>45</v>
      </c>
      <c r="O1278" s="1">
        <v>44625.982638888891</v>
      </c>
      <c r="P1278" s="1">
        <v>44625.986111111109</v>
      </c>
    </row>
    <row r="1279" spans="1:16" x14ac:dyDescent="0.4">
      <c r="A1279">
        <v>4590</v>
      </c>
      <c r="B1279">
        <v>255423</v>
      </c>
      <c r="C1279" s="1">
        <v>44632</v>
      </c>
      <c r="D1279">
        <v>290</v>
      </c>
      <c r="E1279">
        <v>1260</v>
      </c>
      <c r="F1279" t="s">
        <v>167</v>
      </c>
      <c r="G1279">
        <v>17</v>
      </c>
      <c r="H1279">
        <v>440</v>
      </c>
      <c r="I1279">
        <v>1</v>
      </c>
      <c r="J1279">
        <v>0</v>
      </c>
      <c r="K1279">
        <v>1093920</v>
      </c>
      <c r="L1279">
        <v>1093921</v>
      </c>
      <c r="M1279">
        <v>108</v>
      </c>
      <c r="N1279" t="s">
        <v>45</v>
      </c>
      <c r="O1279" s="1">
        <v>44633.196527777778</v>
      </c>
      <c r="P1279" s="1">
        <v>44633.21597222222</v>
      </c>
    </row>
    <row r="1280" spans="1:16" x14ac:dyDescent="0.4">
      <c r="A1280">
        <v>4591</v>
      </c>
      <c r="B1280">
        <v>255430</v>
      </c>
      <c r="C1280" s="1">
        <v>44633</v>
      </c>
      <c r="D1280">
        <v>280</v>
      </c>
      <c r="E1280">
        <v>1266</v>
      </c>
      <c r="F1280" t="s">
        <v>162</v>
      </c>
      <c r="G1280">
        <v>15</v>
      </c>
      <c r="H1280">
        <v>594</v>
      </c>
      <c r="I1280">
        <v>1</v>
      </c>
      <c r="J1280">
        <v>0</v>
      </c>
      <c r="K1280">
        <v>1093961</v>
      </c>
      <c r="L1280">
        <v>1093962</v>
      </c>
      <c r="M1280">
        <v>118</v>
      </c>
      <c r="N1280" t="s">
        <v>240</v>
      </c>
      <c r="O1280" s="1">
        <v>44633.506249999999</v>
      </c>
      <c r="P1280" s="1">
        <v>44633.550694444442</v>
      </c>
    </row>
    <row r="1281" spans="1:16" x14ac:dyDescent="0.4">
      <c r="A1281">
        <v>4592</v>
      </c>
      <c r="B1281">
        <v>255606</v>
      </c>
      <c r="C1281" s="1">
        <v>44637</v>
      </c>
      <c r="D1281">
        <v>127</v>
      </c>
      <c r="E1281">
        <v>136</v>
      </c>
      <c r="F1281" t="s">
        <v>32</v>
      </c>
      <c r="G1281">
        <v>10</v>
      </c>
      <c r="H1281">
        <v>660</v>
      </c>
      <c r="I1281">
        <v>1</v>
      </c>
      <c r="J1281">
        <v>0</v>
      </c>
      <c r="K1281">
        <v>1094504</v>
      </c>
      <c r="L1281">
        <v>1094505</v>
      </c>
      <c r="M1281">
        <v>116</v>
      </c>
      <c r="N1281" t="s">
        <v>236</v>
      </c>
      <c r="O1281" s="1">
        <v>44637.521527777775</v>
      </c>
      <c r="P1281" s="1">
        <v>44637.523611111108</v>
      </c>
    </row>
    <row r="1282" spans="1:16" x14ac:dyDescent="0.4">
      <c r="A1282">
        <v>4593</v>
      </c>
      <c r="B1282">
        <v>255881</v>
      </c>
      <c r="C1282" s="1">
        <v>44641</v>
      </c>
      <c r="D1282">
        <v>147</v>
      </c>
      <c r="E1282">
        <v>1131</v>
      </c>
      <c r="F1282" t="s">
        <v>21</v>
      </c>
      <c r="G1282">
        <v>17</v>
      </c>
      <c r="H1282">
        <v>495</v>
      </c>
      <c r="I1282">
        <v>1</v>
      </c>
      <c r="J1282">
        <v>0</v>
      </c>
      <c r="K1282">
        <v>1095478</v>
      </c>
      <c r="L1282">
        <v>1095479</v>
      </c>
      <c r="M1282">
        <v>108</v>
      </c>
      <c r="N1282" t="s">
        <v>45</v>
      </c>
      <c r="O1282" s="1">
        <v>44641.952777777777</v>
      </c>
      <c r="P1282" s="1">
        <v>44641.972916666666</v>
      </c>
    </row>
    <row r="1283" spans="1:16" x14ac:dyDescent="0.4">
      <c r="A1283">
        <v>4594</v>
      </c>
      <c r="B1283">
        <v>256008</v>
      </c>
      <c r="C1283" s="1">
        <v>44644</v>
      </c>
      <c r="D1283">
        <v>304</v>
      </c>
      <c r="E1283">
        <v>3126</v>
      </c>
      <c r="F1283" t="s">
        <v>176</v>
      </c>
      <c r="G1283">
        <v>4</v>
      </c>
      <c r="H1283">
        <v>0</v>
      </c>
      <c r="I1283">
        <v>1</v>
      </c>
      <c r="J1283">
        <v>0</v>
      </c>
      <c r="K1283">
        <v>1095885</v>
      </c>
      <c r="L1283">
        <v>1095886</v>
      </c>
      <c r="M1283">
        <v>119</v>
      </c>
      <c r="N1283" t="s">
        <v>241</v>
      </c>
      <c r="O1283" s="1">
        <v>44644.554166666669</v>
      </c>
      <c r="P1283" s="1">
        <v>44644.557638888888</v>
      </c>
    </row>
    <row r="1284" spans="1:16" x14ac:dyDescent="0.4">
      <c r="A1284">
        <v>4596</v>
      </c>
      <c r="B1284">
        <v>256176</v>
      </c>
      <c r="C1284" s="1">
        <v>44646</v>
      </c>
      <c r="D1284">
        <v>280</v>
      </c>
      <c r="E1284">
        <v>1266</v>
      </c>
      <c r="F1284" t="s">
        <v>162</v>
      </c>
      <c r="G1284">
        <v>7</v>
      </c>
      <c r="H1284">
        <v>594</v>
      </c>
      <c r="I1284">
        <v>1</v>
      </c>
      <c r="J1284">
        <v>0</v>
      </c>
      <c r="K1284">
        <v>1096544</v>
      </c>
      <c r="L1284">
        <v>1096545</v>
      </c>
      <c r="M1284">
        <v>108</v>
      </c>
      <c r="N1284" t="s">
        <v>45</v>
      </c>
      <c r="O1284" s="1">
        <v>44646.946527777778</v>
      </c>
      <c r="P1284" s="1">
        <v>44646.947222222225</v>
      </c>
    </row>
    <row r="1285" spans="1:16" x14ac:dyDescent="0.4">
      <c r="A1285">
        <v>4597</v>
      </c>
      <c r="B1285">
        <v>256527</v>
      </c>
      <c r="C1285" s="1">
        <v>44652</v>
      </c>
      <c r="D1285">
        <v>125</v>
      </c>
      <c r="E1285">
        <v>126</v>
      </c>
      <c r="F1285" t="s">
        <v>159</v>
      </c>
      <c r="G1285">
        <v>17</v>
      </c>
      <c r="H1285">
        <v>308</v>
      </c>
      <c r="I1285">
        <v>1</v>
      </c>
      <c r="J1285">
        <v>0</v>
      </c>
      <c r="K1285">
        <v>1097776</v>
      </c>
      <c r="L1285">
        <v>1097777</v>
      </c>
      <c r="M1285">
        <v>108</v>
      </c>
      <c r="N1285" t="s">
        <v>45</v>
      </c>
      <c r="O1285" s="1">
        <v>44653.047222222223</v>
      </c>
      <c r="P1285" s="1">
        <v>44653.052777777775</v>
      </c>
    </row>
    <row r="1286" spans="1:16" x14ac:dyDescent="0.4">
      <c r="A1286">
        <v>4598</v>
      </c>
      <c r="B1286">
        <v>256576</v>
      </c>
      <c r="C1286" s="1">
        <v>44653</v>
      </c>
      <c r="D1286">
        <v>323</v>
      </c>
      <c r="E1286">
        <v>1</v>
      </c>
      <c r="F1286" t="s">
        <v>233</v>
      </c>
      <c r="G1286">
        <v>5</v>
      </c>
      <c r="H1286">
        <v>440</v>
      </c>
      <c r="I1286">
        <v>1</v>
      </c>
      <c r="J1286">
        <v>0</v>
      </c>
      <c r="K1286">
        <v>1097961</v>
      </c>
      <c r="L1286">
        <v>1097962</v>
      </c>
      <c r="M1286">
        <v>108</v>
      </c>
      <c r="N1286" t="s">
        <v>45</v>
      </c>
      <c r="O1286" s="1">
        <v>44653.845833333333</v>
      </c>
      <c r="P1286" s="1">
        <v>44653.859027777777</v>
      </c>
    </row>
    <row r="1287" spans="1:16" x14ac:dyDescent="0.4">
      <c r="A1287">
        <v>4599</v>
      </c>
      <c r="B1287">
        <v>256576</v>
      </c>
      <c r="C1287" s="1">
        <v>44653</v>
      </c>
      <c r="D1287">
        <v>323</v>
      </c>
      <c r="E1287">
        <v>1</v>
      </c>
      <c r="F1287" t="s">
        <v>233</v>
      </c>
      <c r="G1287">
        <v>5</v>
      </c>
      <c r="H1287">
        <v>440</v>
      </c>
      <c r="I1287">
        <v>1</v>
      </c>
      <c r="J1287">
        <v>0</v>
      </c>
      <c r="K1287">
        <v>1097963</v>
      </c>
      <c r="L1287">
        <v>1097964</v>
      </c>
      <c r="M1287">
        <v>108</v>
      </c>
      <c r="N1287" t="s">
        <v>45</v>
      </c>
      <c r="O1287" s="1">
        <v>44653.847222222219</v>
      </c>
      <c r="P1287" s="1">
        <v>44653.859027777777</v>
      </c>
    </row>
    <row r="1288" spans="1:16" x14ac:dyDescent="0.4">
      <c r="A1288">
        <v>4600</v>
      </c>
      <c r="B1288">
        <v>256615</v>
      </c>
      <c r="C1288" s="1">
        <v>44654</v>
      </c>
      <c r="D1288">
        <v>280</v>
      </c>
      <c r="E1288">
        <v>1266</v>
      </c>
      <c r="F1288" t="s">
        <v>162</v>
      </c>
      <c r="G1288">
        <v>17</v>
      </c>
      <c r="H1288">
        <v>594</v>
      </c>
      <c r="I1288">
        <v>1</v>
      </c>
      <c r="J1288">
        <v>0</v>
      </c>
      <c r="K1288">
        <v>1098173</v>
      </c>
      <c r="L1288">
        <v>1098174</v>
      </c>
      <c r="M1288">
        <v>103</v>
      </c>
      <c r="N1288" t="s">
        <v>15</v>
      </c>
      <c r="O1288" s="1">
        <v>44654.615972222222</v>
      </c>
      <c r="P1288" s="1">
        <v>44654.681250000001</v>
      </c>
    </row>
    <row r="1289" spans="1:16" x14ac:dyDescent="0.4">
      <c r="A1289">
        <v>4601</v>
      </c>
      <c r="B1289">
        <v>257086</v>
      </c>
      <c r="C1289" s="1">
        <v>44664</v>
      </c>
      <c r="D1289">
        <v>125</v>
      </c>
      <c r="E1289">
        <v>126</v>
      </c>
      <c r="F1289" t="s">
        <v>159</v>
      </c>
      <c r="G1289">
        <v>14</v>
      </c>
      <c r="H1289">
        <v>308</v>
      </c>
      <c r="I1289">
        <v>1</v>
      </c>
      <c r="J1289">
        <v>0</v>
      </c>
      <c r="K1289">
        <v>1099833</v>
      </c>
      <c r="L1289">
        <v>1099834</v>
      </c>
      <c r="M1289">
        <v>102</v>
      </c>
      <c r="N1289" t="s">
        <v>238</v>
      </c>
      <c r="O1289" s="1">
        <v>44664.797222222223</v>
      </c>
      <c r="P1289" s="1">
        <v>44664.804166666669</v>
      </c>
    </row>
    <row r="1290" spans="1:16" x14ac:dyDescent="0.4">
      <c r="A1290">
        <v>4602</v>
      </c>
      <c r="B1290">
        <v>257154</v>
      </c>
      <c r="C1290" s="1">
        <v>44666</v>
      </c>
      <c r="D1290">
        <v>186</v>
      </c>
      <c r="E1290">
        <v>225</v>
      </c>
      <c r="F1290" t="s">
        <v>212</v>
      </c>
      <c r="G1290">
        <v>4</v>
      </c>
      <c r="H1290">
        <v>385</v>
      </c>
      <c r="I1290">
        <v>2</v>
      </c>
      <c r="J1290">
        <v>0</v>
      </c>
      <c r="K1290">
        <v>1100054</v>
      </c>
      <c r="L1290">
        <v>1100055</v>
      </c>
      <c r="M1290">
        <v>103</v>
      </c>
      <c r="N1290" t="s">
        <v>15</v>
      </c>
      <c r="O1290" s="1">
        <v>44666.875</v>
      </c>
      <c r="P1290" s="1">
        <v>44666.875</v>
      </c>
    </row>
    <row r="1291" spans="1:16" x14ac:dyDescent="0.4">
      <c r="A1291">
        <v>4605</v>
      </c>
      <c r="B1291">
        <v>257346</v>
      </c>
      <c r="C1291" s="1">
        <v>44669</v>
      </c>
      <c r="D1291">
        <v>162</v>
      </c>
      <c r="E1291">
        <v>116</v>
      </c>
      <c r="F1291" t="s">
        <v>81</v>
      </c>
      <c r="G1291">
        <v>1</v>
      </c>
      <c r="H1291">
        <v>605</v>
      </c>
      <c r="I1291">
        <v>1</v>
      </c>
      <c r="J1291">
        <v>0</v>
      </c>
      <c r="K1291">
        <v>1100807</v>
      </c>
      <c r="L1291">
        <v>1100808</v>
      </c>
      <c r="M1291">
        <v>95</v>
      </c>
      <c r="N1291" t="s">
        <v>68</v>
      </c>
      <c r="O1291" s="1">
        <v>44670.126388888886</v>
      </c>
      <c r="P1291" s="1">
        <v>44670.131249999999</v>
      </c>
    </row>
    <row r="1292" spans="1:16" x14ac:dyDescent="0.4">
      <c r="A1292">
        <v>4606</v>
      </c>
      <c r="B1292">
        <v>257346</v>
      </c>
      <c r="C1292" s="1">
        <v>44669</v>
      </c>
      <c r="D1292">
        <v>160</v>
      </c>
      <c r="E1292">
        <v>114</v>
      </c>
      <c r="F1292" t="s">
        <v>106</v>
      </c>
      <c r="G1292">
        <v>1</v>
      </c>
      <c r="H1292">
        <v>605</v>
      </c>
      <c r="I1292">
        <v>1</v>
      </c>
      <c r="J1292">
        <v>0</v>
      </c>
      <c r="K1292">
        <v>1100810</v>
      </c>
      <c r="L1292">
        <v>1100811</v>
      </c>
      <c r="M1292">
        <v>95</v>
      </c>
      <c r="N1292" t="s">
        <v>68</v>
      </c>
      <c r="O1292" s="1">
        <v>44670.131944444445</v>
      </c>
      <c r="P1292" s="1">
        <v>44670.131944444445</v>
      </c>
    </row>
    <row r="1293" spans="1:16" x14ac:dyDescent="0.4">
      <c r="A1293">
        <v>4607</v>
      </c>
      <c r="B1293">
        <v>257386</v>
      </c>
      <c r="C1293" s="1">
        <v>44670</v>
      </c>
      <c r="D1293">
        <v>323</v>
      </c>
      <c r="E1293">
        <v>1</v>
      </c>
      <c r="F1293" t="s">
        <v>233</v>
      </c>
      <c r="G1293">
        <v>1</v>
      </c>
      <c r="H1293">
        <v>440</v>
      </c>
      <c r="I1293">
        <v>1</v>
      </c>
      <c r="J1293">
        <v>0</v>
      </c>
      <c r="K1293">
        <v>1100946</v>
      </c>
      <c r="L1293">
        <v>1100947</v>
      </c>
      <c r="M1293">
        <v>108</v>
      </c>
      <c r="N1293" t="s">
        <v>45</v>
      </c>
      <c r="O1293" s="1">
        <v>44670.956944444442</v>
      </c>
      <c r="P1293" s="1">
        <v>44670.956944444442</v>
      </c>
    </row>
    <row r="1294" spans="1:16" x14ac:dyDescent="0.4">
      <c r="A1294">
        <v>4608</v>
      </c>
      <c r="B1294">
        <v>257473</v>
      </c>
      <c r="C1294" s="1">
        <v>44673</v>
      </c>
      <c r="D1294">
        <v>125</v>
      </c>
      <c r="E1294">
        <v>126</v>
      </c>
      <c r="F1294" t="s">
        <v>159</v>
      </c>
      <c r="G1294">
        <v>3</v>
      </c>
      <c r="H1294">
        <v>308</v>
      </c>
      <c r="I1294">
        <v>1</v>
      </c>
      <c r="J1294">
        <v>0</v>
      </c>
      <c r="K1294">
        <v>1101287</v>
      </c>
      <c r="L1294">
        <v>1101288</v>
      </c>
      <c r="M1294">
        <v>119</v>
      </c>
      <c r="N1294" t="s">
        <v>241</v>
      </c>
      <c r="O1294" s="1">
        <v>44673.742361111108</v>
      </c>
      <c r="P1294" s="1">
        <v>44673.743750000001</v>
      </c>
    </row>
    <row r="1295" spans="1:16" x14ac:dyDescent="0.4">
      <c r="A1295">
        <v>4609</v>
      </c>
      <c r="B1295">
        <v>257540</v>
      </c>
      <c r="C1295" s="1">
        <v>44674</v>
      </c>
      <c r="D1295">
        <v>290</v>
      </c>
      <c r="E1295">
        <v>1260</v>
      </c>
      <c r="F1295" t="s">
        <v>167</v>
      </c>
      <c r="G1295">
        <v>12</v>
      </c>
      <c r="H1295">
        <v>440</v>
      </c>
      <c r="I1295">
        <v>1</v>
      </c>
      <c r="J1295">
        <v>0</v>
      </c>
      <c r="K1295">
        <v>1101503</v>
      </c>
      <c r="L1295">
        <v>1101504</v>
      </c>
      <c r="M1295">
        <v>115</v>
      </c>
      <c r="N1295" t="s">
        <v>239</v>
      </c>
      <c r="O1295" s="1">
        <v>44674.593055555553</v>
      </c>
      <c r="P1295" s="1">
        <v>44674.594444444447</v>
      </c>
    </row>
    <row r="1296" spans="1:16" x14ac:dyDescent="0.4">
      <c r="A1296">
        <v>4610</v>
      </c>
      <c r="B1296">
        <v>257812</v>
      </c>
      <c r="C1296" s="1">
        <v>44679</v>
      </c>
      <c r="D1296">
        <v>57</v>
      </c>
      <c r="E1296">
        <v>30</v>
      </c>
      <c r="F1296" t="s">
        <v>227</v>
      </c>
      <c r="G1296">
        <v>4</v>
      </c>
      <c r="H1296">
        <v>0</v>
      </c>
      <c r="I1296">
        <v>2</v>
      </c>
      <c r="J1296">
        <v>0</v>
      </c>
      <c r="K1296">
        <v>1102503</v>
      </c>
      <c r="L1296">
        <v>1102504</v>
      </c>
      <c r="M1296">
        <v>108</v>
      </c>
      <c r="N1296" t="s">
        <v>45</v>
      </c>
      <c r="O1296" s="1">
        <v>44679.918749999997</v>
      </c>
      <c r="P1296" s="1">
        <v>44679.918749999997</v>
      </c>
    </row>
    <row r="1297" spans="1:16" x14ac:dyDescent="0.4">
      <c r="A1297">
        <v>4611</v>
      </c>
      <c r="B1297">
        <v>258264</v>
      </c>
      <c r="C1297" s="1">
        <v>44685</v>
      </c>
      <c r="D1297">
        <v>323</v>
      </c>
      <c r="E1297">
        <v>1</v>
      </c>
      <c r="F1297" t="s">
        <v>233</v>
      </c>
      <c r="G1297">
        <v>8</v>
      </c>
      <c r="H1297">
        <v>440</v>
      </c>
      <c r="I1297">
        <v>1</v>
      </c>
      <c r="J1297">
        <v>0</v>
      </c>
      <c r="K1297">
        <v>1104237</v>
      </c>
      <c r="L1297">
        <v>1104238</v>
      </c>
      <c r="M1297">
        <v>118</v>
      </c>
      <c r="N1297" t="s">
        <v>240</v>
      </c>
      <c r="O1297" s="1">
        <v>44685.78125</v>
      </c>
      <c r="P1297" s="1">
        <v>44685.781944444447</v>
      </c>
    </row>
    <row r="1298" spans="1:16" x14ac:dyDescent="0.4">
      <c r="A1298">
        <v>4612</v>
      </c>
      <c r="B1298">
        <v>258408</v>
      </c>
      <c r="C1298" s="1">
        <v>44687</v>
      </c>
      <c r="D1298">
        <v>186</v>
      </c>
      <c r="E1298">
        <v>225</v>
      </c>
      <c r="F1298" t="s">
        <v>212</v>
      </c>
      <c r="G1298">
        <v>5</v>
      </c>
      <c r="H1298">
        <v>0</v>
      </c>
      <c r="I1298">
        <v>1</v>
      </c>
      <c r="J1298">
        <v>0</v>
      </c>
      <c r="K1298">
        <v>1104811</v>
      </c>
      <c r="L1298">
        <v>1104812</v>
      </c>
      <c r="M1298">
        <v>108</v>
      </c>
      <c r="N1298" t="s">
        <v>45</v>
      </c>
      <c r="O1298" s="1">
        <v>44687.876388888886</v>
      </c>
      <c r="P1298" s="1">
        <v>44687.876388888886</v>
      </c>
    </row>
    <row r="1299" spans="1:16" x14ac:dyDescent="0.4">
      <c r="A1299">
        <v>4613</v>
      </c>
      <c r="B1299">
        <v>258408</v>
      </c>
      <c r="C1299" s="1">
        <v>44687</v>
      </c>
      <c r="D1299">
        <v>97</v>
      </c>
      <c r="E1299">
        <v>21</v>
      </c>
      <c r="F1299" t="s">
        <v>214</v>
      </c>
      <c r="G1299">
        <v>5</v>
      </c>
      <c r="H1299">
        <v>0</v>
      </c>
      <c r="I1299">
        <v>1</v>
      </c>
      <c r="J1299">
        <v>0</v>
      </c>
      <c r="K1299">
        <v>1104813</v>
      </c>
      <c r="L1299">
        <v>1104814</v>
      </c>
      <c r="M1299">
        <v>108</v>
      </c>
      <c r="N1299" t="s">
        <v>45</v>
      </c>
      <c r="O1299" s="1">
        <v>44687.876388888886</v>
      </c>
      <c r="P1299" s="1">
        <v>44687.876388888886</v>
      </c>
    </row>
    <row r="1300" spans="1:16" x14ac:dyDescent="0.4">
      <c r="A1300">
        <v>4614</v>
      </c>
      <c r="B1300">
        <v>258946</v>
      </c>
      <c r="C1300" s="1">
        <v>44697</v>
      </c>
      <c r="D1300">
        <v>153</v>
      </c>
      <c r="E1300">
        <v>151</v>
      </c>
      <c r="F1300" t="s">
        <v>108</v>
      </c>
      <c r="G1300">
        <v>1</v>
      </c>
      <c r="H1300">
        <v>462</v>
      </c>
      <c r="I1300">
        <v>1</v>
      </c>
      <c r="J1300">
        <v>0</v>
      </c>
      <c r="K1300">
        <v>1106800</v>
      </c>
      <c r="L1300">
        <v>1106801</v>
      </c>
      <c r="M1300">
        <v>95</v>
      </c>
      <c r="N1300" t="s">
        <v>68</v>
      </c>
      <c r="O1300" s="1">
        <v>44698.209722222222</v>
      </c>
      <c r="P1300" s="1">
        <v>44698.215277777781</v>
      </c>
    </row>
    <row r="1301" spans="1:16" x14ac:dyDescent="0.4">
      <c r="A1301">
        <v>4615</v>
      </c>
      <c r="B1301">
        <v>259119</v>
      </c>
      <c r="C1301" s="1">
        <v>44701</v>
      </c>
      <c r="D1301">
        <v>64</v>
      </c>
      <c r="E1301">
        <v>37</v>
      </c>
      <c r="F1301" t="s">
        <v>243</v>
      </c>
      <c r="G1301">
        <v>15</v>
      </c>
      <c r="H1301">
        <v>352</v>
      </c>
      <c r="I1301">
        <v>1</v>
      </c>
      <c r="J1301">
        <v>0</v>
      </c>
      <c r="K1301">
        <v>1107381</v>
      </c>
      <c r="L1301">
        <v>1107382</v>
      </c>
      <c r="M1301">
        <v>103</v>
      </c>
      <c r="N1301" t="s">
        <v>15</v>
      </c>
      <c r="O1301" s="1">
        <v>44701.859027777777</v>
      </c>
      <c r="P1301" s="1">
        <v>44701.859027777777</v>
      </c>
    </row>
    <row r="1302" spans="1:16" x14ac:dyDescent="0.4">
      <c r="A1302">
        <v>4616</v>
      </c>
      <c r="B1302">
        <v>259710</v>
      </c>
      <c r="C1302" s="1">
        <v>44711</v>
      </c>
      <c r="D1302">
        <v>125</v>
      </c>
      <c r="E1302">
        <v>126</v>
      </c>
      <c r="F1302" t="s">
        <v>159</v>
      </c>
      <c r="G1302">
        <v>6</v>
      </c>
      <c r="H1302">
        <v>308</v>
      </c>
      <c r="I1302">
        <v>1</v>
      </c>
      <c r="J1302">
        <v>0</v>
      </c>
      <c r="K1302">
        <v>1109506</v>
      </c>
      <c r="L1302">
        <v>1109507</v>
      </c>
      <c r="M1302">
        <v>103</v>
      </c>
      <c r="N1302" t="s">
        <v>15</v>
      </c>
      <c r="O1302" s="1">
        <v>44711.707638888889</v>
      </c>
      <c r="P1302" s="1">
        <v>44711.826388888891</v>
      </c>
    </row>
    <row r="1303" spans="1:16" x14ac:dyDescent="0.4">
      <c r="A1303">
        <v>4617</v>
      </c>
      <c r="B1303">
        <v>259999</v>
      </c>
      <c r="C1303" s="1">
        <v>44716</v>
      </c>
      <c r="D1303">
        <v>376</v>
      </c>
      <c r="E1303">
        <v>81</v>
      </c>
      <c r="F1303" t="s">
        <v>244</v>
      </c>
      <c r="G1303">
        <v>18</v>
      </c>
      <c r="H1303">
        <v>550</v>
      </c>
      <c r="I1303">
        <v>1</v>
      </c>
      <c r="J1303">
        <v>0</v>
      </c>
      <c r="K1303">
        <v>1110480</v>
      </c>
      <c r="L1303">
        <v>1110481</v>
      </c>
      <c r="M1303">
        <v>108</v>
      </c>
      <c r="N1303" t="s">
        <v>45</v>
      </c>
      <c r="O1303" s="1">
        <v>44717.084027777775</v>
      </c>
      <c r="P1303" s="1">
        <v>44717.086111111108</v>
      </c>
    </row>
    <row r="1304" spans="1:16" x14ac:dyDescent="0.4">
      <c r="A1304">
        <v>4618</v>
      </c>
      <c r="B1304">
        <v>260537</v>
      </c>
      <c r="C1304" s="1">
        <v>44726</v>
      </c>
      <c r="D1304">
        <v>103</v>
      </c>
      <c r="E1304">
        <v>27</v>
      </c>
      <c r="F1304" t="s">
        <v>245</v>
      </c>
      <c r="G1304">
        <v>3</v>
      </c>
      <c r="H1304">
        <v>1815</v>
      </c>
      <c r="I1304">
        <v>1</v>
      </c>
      <c r="J1304">
        <v>0</v>
      </c>
      <c r="K1304">
        <v>1112419</v>
      </c>
      <c r="L1304">
        <v>1112420</v>
      </c>
      <c r="M1304">
        <v>116</v>
      </c>
      <c r="N1304" t="s">
        <v>236</v>
      </c>
      <c r="O1304" s="1">
        <v>44726.589583333334</v>
      </c>
      <c r="P1304" s="1">
        <v>44726.597916666666</v>
      </c>
    </row>
    <row r="1305" spans="1:16" x14ac:dyDescent="0.4">
      <c r="A1305">
        <v>4619</v>
      </c>
      <c r="B1305">
        <v>260537</v>
      </c>
      <c r="C1305" s="1">
        <v>44726</v>
      </c>
      <c r="D1305">
        <v>383</v>
      </c>
      <c r="E1305">
        <v>5</v>
      </c>
      <c r="F1305" t="s">
        <v>242</v>
      </c>
      <c r="G1305">
        <v>3</v>
      </c>
      <c r="H1305">
        <v>0</v>
      </c>
      <c r="I1305">
        <v>1</v>
      </c>
      <c r="J1305">
        <v>0</v>
      </c>
      <c r="K1305">
        <v>1112421</v>
      </c>
      <c r="L1305">
        <v>1112422</v>
      </c>
      <c r="M1305">
        <v>116</v>
      </c>
      <c r="N1305" t="s">
        <v>236</v>
      </c>
      <c r="O1305" s="1">
        <v>44726.597916666666</v>
      </c>
      <c r="P1305" s="1">
        <v>44726.602083333331</v>
      </c>
    </row>
    <row r="1306" spans="1:16" x14ac:dyDescent="0.4">
      <c r="A1306">
        <v>4620</v>
      </c>
      <c r="B1306">
        <v>260702</v>
      </c>
      <c r="C1306" s="1">
        <v>44729</v>
      </c>
      <c r="D1306">
        <v>97</v>
      </c>
      <c r="E1306">
        <v>21</v>
      </c>
      <c r="F1306" t="s">
        <v>214</v>
      </c>
      <c r="G1306">
        <v>8</v>
      </c>
      <c r="H1306">
        <v>462</v>
      </c>
      <c r="I1306">
        <v>1</v>
      </c>
      <c r="J1306">
        <v>0</v>
      </c>
      <c r="K1306">
        <v>1112980</v>
      </c>
      <c r="L1306">
        <v>1112981</v>
      </c>
      <c r="M1306">
        <v>108</v>
      </c>
      <c r="N1306" t="s">
        <v>45</v>
      </c>
      <c r="O1306" s="1">
        <v>44729.92291666667</v>
      </c>
      <c r="P1306" s="1">
        <v>44729.922222222223</v>
      </c>
    </row>
    <row r="1307" spans="1:16" x14ac:dyDescent="0.4">
      <c r="A1307">
        <v>4621</v>
      </c>
      <c r="B1307">
        <v>260717</v>
      </c>
      <c r="C1307" s="1">
        <v>44730</v>
      </c>
      <c r="D1307">
        <v>96</v>
      </c>
      <c r="E1307">
        <v>20</v>
      </c>
      <c r="F1307" t="s">
        <v>63</v>
      </c>
      <c r="G1307">
        <v>1</v>
      </c>
      <c r="H1307">
        <v>462</v>
      </c>
      <c r="I1307">
        <v>1</v>
      </c>
      <c r="J1307">
        <v>0</v>
      </c>
      <c r="K1307">
        <v>1113059</v>
      </c>
      <c r="L1307">
        <v>1113060</v>
      </c>
      <c r="M1307">
        <v>115</v>
      </c>
      <c r="N1307" t="s">
        <v>239</v>
      </c>
      <c r="O1307" s="1">
        <v>44730.416666666664</v>
      </c>
      <c r="P1307" s="1">
        <v>44730.417361111111</v>
      </c>
    </row>
    <row r="1308" spans="1:16" x14ac:dyDescent="0.4">
      <c r="A1308">
        <v>4624</v>
      </c>
      <c r="B1308">
        <v>260823</v>
      </c>
      <c r="C1308" s="1">
        <v>44731</v>
      </c>
      <c r="D1308">
        <v>280</v>
      </c>
      <c r="E1308">
        <v>1266</v>
      </c>
      <c r="F1308" t="s">
        <v>162</v>
      </c>
      <c r="G1308">
        <v>17</v>
      </c>
      <c r="H1308">
        <v>594</v>
      </c>
      <c r="I1308">
        <v>1</v>
      </c>
      <c r="J1308">
        <v>0</v>
      </c>
      <c r="K1308">
        <v>1113510</v>
      </c>
      <c r="L1308">
        <v>1113511</v>
      </c>
      <c r="M1308">
        <v>103</v>
      </c>
      <c r="N1308" t="s">
        <v>15</v>
      </c>
      <c r="O1308" s="1">
        <v>44731.620138888888</v>
      </c>
      <c r="P1308" s="1">
        <v>44731.756249999999</v>
      </c>
    </row>
    <row r="1309" spans="1:16" x14ac:dyDescent="0.4">
      <c r="A1309">
        <v>4625</v>
      </c>
      <c r="B1309">
        <v>260856</v>
      </c>
      <c r="C1309" s="1">
        <v>44731</v>
      </c>
      <c r="D1309">
        <v>162</v>
      </c>
      <c r="E1309">
        <v>116</v>
      </c>
      <c r="F1309" t="s">
        <v>81</v>
      </c>
      <c r="G1309">
        <v>17</v>
      </c>
      <c r="H1309">
        <v>605</v>
      </c>
      <c r="I1309">
        <v>1</v>
      </c>
      <c r="J1309">
        <v>0</v>
      </c>
      <c r="K1309">
        <v>1113587</v>
      </c>
      <c r="L1309">
        <v>1113588</v>
      </c>
      <c r="M1309">
        <v>108</v>
      </c>
      <c r="N1309" t="s">
        <v>45</v>
      </c>
      <c r="O1309" s="1">
        <v>44732.01458333333</v>
      </c>
      <c r="P1309" s="1">
        <v>44732.057638888888</v>
      </c>
    </row>
    <row r="1310" spans="1:16" x14ac:dyDescent="0.4">
      <c r="A1310">
        <v>4626</v>
      </c>
      <c r="B1310">
        <v>261026</v>
      </c>
      <c r="C1310" s="1">
        <v>44736</v>
      </c>
      <c r="D1310">
        <v>125</v>
      </c>
      <c r="E1310">
        <v>126</v>
      </c>
      <c r="F1310" t="s">
        <v>159</v>
      </c>
      <c r="G1310">
        <v>19</v>
      </c>
      <c r="H1310">
        <v>308</v>
      </c>
      <c r="I1310">
        <v>1</v>
      </c>
      <c r="J1310">
        <v>0</v>
      </c>
      <c r="K1310">
        <v>1114197</v>
      </c>
      <c r="L1310">
        <v>1114198</v>
      </c>
      <c r="M1310">
        <v>116</v>
      </c>
      <c r="N1310" t="s">
        <v>236</v>
      </c>
      <c r="O1310" s="1">
        <v>44736.617361111108</v>
      </c>
      <c r="P1310" s="1">
        <v>44736.691666666666</v>
      </c>
    </row>
    <row r="1311" spans="1:16" x14ac:dyDescent="0.4">
      <c r="A1311">
        <v>4627</v>
      </c>
      <c r="B1311">
        <v>261180</v>
      </c>
      <c r="C1311" s="1">
        <v>44737</v>
      </c>
      <c r="D1311">
        <v>69</v>
      </c>
      <c r="E1311">
        <v>50</v>
      </c>
      <c r="F1311" t="s">
        <v>18</v>
      </c>
      <c r="G1311">
        <v>19</v>
      </c>
      <c r="H1311">
        <v>528</v>
      </c>
      <c r="I1311">
        <v>1</v>
      </c>
      <c r="J1311">
        <v>0</v>
      </c>
      <c r="K1311">
        <v>1114723</v>
      </c>
      <c r="L1311">
        <v>1114724</v>
      </c>
      <c r="M1311">
        <v>108</v>
      </c>
      <c r="N1311" t="s">
        <v>45</v>
      </c>
      <c r="O1311" s="1">
        <v>44737.965277777781</v>
      </c>
      <c r="P1311" s="1">
        <v>44737.96597222222</v>
      </c>
    </row>
    <row r="1312" spans="1:16" x14ac:dyDescent="0.4">
      <c r="A1312">
        <v>4628</v>
      </c>
      <c r="B1312">
        <v>261167</v>
      </c>
      <c r="C1312" s="1">
        <v>44737</v>
      </c>
      <c r="D1312">
        <v>71</v>
      </c>
      <c r="E1312">
        <v>52</v>
      </c>
      <c r="F1312" t="s">
        <v>23</v>
      </c>
      <c r="G1312">
        <v>17</v>
      </c>
      <c r="H1312">
        <v>440</v>
      </c>
      <c r="I1312">
        <v>1</v>
      </c>
      <c r="J1312">
        <v>0</v>
      </c>
      <c r="K1312">
        <v>1114754</v>
      </c>
      <c r="L1312">
        <v>1114755</v>
      </c>
      <c r="M1312">
        <v>108</v>
      </c>
      <c r="N1312" t="s">
        <v>45</v>
      </c>
      <c r="O1312" s="1">
        <v>44738.006249999999</v>
      </c>
      <c r="P1312" s="1">
        <v>44738.006249999999</v>
      </c>
    </row>
    <row r="1313" spans="1:16" x14ac:dyDescent="0.4">
      <c r="A1313">
        <v>4629</v>
      </c>
      <c r="B1313">
        <v>261511</v>
      </c>
      <c r="C1313" s="1">
        <v>44743</v>
      </c>
      <c r="D1313">
        <v>172</v>
      </c>
      <c r="E1313">
        <v>107</v>
      </c>
      <c r="F1313" t="s">
        <v>209</v>
      </c>
      <c r="G1313">
        <v>4</v>
      </c>
      <c r="H1313">
        <v>352</v>
      </c>
      <c r="I1313">
        <v>1</v>
      </c>
      <c r="J1313">
        <v>0</v>
      </c>
      <c r="K1313">
        <v>1115896</v>
      </c>
      <c r="L1313">
        <v>1115897</v>
      </c>
      <c r="M1313">
        <v>108</v>
      </c>
      <c r="N1313" t="s">
        <v>45</v>
      </c>
      <c r="O1313" s="1">
        <v>44743.940972222219</v>
      </c>
      <c r="P1313" s="1">
        <v>44743.984722222223</v>
      </c>
    </row>
    <row r="1314" spans="1:16" x14ac:dyDescent="0.4">
      <c r="A1314">
        <v>4630</v>
      </c>
      <c r="B1314">
        <v>261511</v>
      </c>
      <c r="C1314" s="1">
        <v>44743</v>
      </c>
      <c r="D1314">
        <v>173</v>
      </c>
      <c r="E1314">
        <v>108</v>
      </c>
      <c r="F1314" t="s">
        <v>156</v>
      </c>
      <c r="G1314">
        <v>4</v>
      </c>
      <c r="H1314">
        <v>352</v>
      </c>
      <c r="I1314">
        <v>1</v>
      </c>
      <c r="J1314">
        <v>0</v>
      </c>
      <c r="K1314">
        <v>1115898</v>
      </c>
      <c r="L1314">
        <v>1115899</v>
      </c>
      <c r="M1314">
        <v>108</v>
      </c>
      <c r="N1314" t="s">
        <v>45</v>
      </c>
      <c r="O1314" s="1">
        <v>44743.940972222219</v>
      </c>
      <c r="P1314" s="1">
        <v>44743.984722222223</v>
      </c>
    </row>
    <row r="1315" spans="1:16" x14ac:dyDescent="0.4">
      <c r="A1315">
        <v>4631</v>
      </c>
      <c r="B1315">
        <v>261641</v>
      </c>
      <c r="C1315" s="1">
        <v>44745</v>
      </c>
      <c r="D1315">
        <v>280</v>
      </c>
      <c r="E1315">
        <v>1266</v>
      </c>
      <c r="F1315" t="s">
        <v>162</v>
      </c>
      <c r="G1315">
        <v>3</v>
      </c>
      <c r="H1315">
        <v>594</v>
      </c>
      <c r="I1315">
        <v>1</v>
      </c>
      <c r="J1315">
        <v>0</v>
      </c>
      <c r="K1315">
        <v>1116387</v>
      </c>
      <c r="L1315">
        <v>1116388</v>
      </c>
      <c r="M1315">
        <v>115</v>
      </c>
      <c r="N1315" t="s">
        <v>239</v>
      </c>
      <c r="O1315" s="1">
        <v>44745.458333333336</v>
      </c>
      <c r="P1315" s="1">
        <v>44745.482638888891</v>
      </c>
    </row>
    <row r="1316" spans="1:16" x14ac:dyDescent="0.4">
      <c r="A1316">
        <v>4632</v>
      </c>
      <c r="B1316">
        <v>261641</v>
      </c>
      <c r="C1316" s="1">
        <v>44745</v>
      </c>
      <c r="D1316">
        <v>125</v>
      </c>
      <c r="E1316">
        <v>126</v>
      </c>
      <c r="F1316" t="s">
        <v>159</v>
      </c>
      <c r="G1316">
        <v>3</v>
      </c>
      <c r="H1316">
        <v>308</v>
      </c>
      <c r="I1316">
        <v>1</v>
      </c>
      <c r="J1316">
        <v>0</v>
      </c>
      <c r="K1316">
        <v>1116390</v>
      </c>
      <c r="L1316">
        <v>1116391</v>
      </c>
      <c r="M1316">
        <v>115</v>
      </c>
      <c r="N1316" t="s">
        <v>239</v>
      </c>
      <c r="O1316" s="1">
        <v>44745.482638888891</v>
      </c>
      <c r="P1316" s="1">
        <v>44745.48541666667</v>
      </c>
    </row>
    <row r="1317" spans="1:16" x14ac:dyDescent="0.4">
      <c r="A1317">
        <v>4633</v>
      </c>
      <c r="B1317">
        <v>261875</v>
      </c>
      <c r="C1317" s="1">
        <v>44749</v>
      </c>
      <c r="D1317">
        <v>84</v>
      </c>
      <c r="E1317">
        <v>65</v>
      </c>
      <c r="F1317" t="s">
        <v>71</v>
      </c>
      <c r="G1317">
        <v>2</v>
      </c>
      <c r="H1317">
        <v>440</v>
      </c>
      <c r="I1317">
        <v>1</v>
      </c>
      <c r="J1317">
        <v>0</v>
      </c>
      <c r="K1317">
        <v>1117164</v>
      </c>
      <c r="L1317">
        <v>1117165</v>
      </c>
      <c r="M1317">
        <v>112</v>
      </c>
      <c r="N1317" t="s">
        <v>246</v>
      </c>
      <c r="O1317" s="1">
        <v>44749.857638888891</v>
      </c>
      <c r="P1317" s="1">
        <v>44749.857638888891</v>
      </c>
    </row>
    <row r="1318" spans="1:16" x14ac:dyDescent="0.4">
      <c r="A1318">
        <v>4634</v>
      </c>
      <c r="B1318">
        <v>262022</v>
      </c>
      <c r="C1318" s="1">
        <v>44751</v>
      </c>
      <c r="D1318">
        <v>149</v>
      </c>
      <c r="E1318">
        <v>121</v>
      </c>
      <c r="F1318" t="s">
        <v>52</v>
      </c>
      <c r="G1318">
        <v>10</v>
      </c>
      <c r="H1318">
        <v>495</v>
      </c>
      <c r="I1318">
        <v>1</v>
      </c>
      <c r="J1318">
        <v>0</v>
      </c>
      <c r="K1318">
        <v>1117715</v>
      </c>
      <c r="L1318">
        <v>1117716</v>
      </c>
      <c r="M1318">
        <v>108</v>
      </c>
      <c r="N1318" t="s">
        <v>45</v>
      </c>
      <c r="O1318" s="1">
        <v>44751.978472222225</v>
      </c>
      <c r="P1318" s="1">
        <v>44751.98333333333</v>
      </c>
    </row>
    <row r="1319" spans="1:16" x14ac:dyDescent="0.4">
      <c r="A1319">
        <v>4635</v>
      </c>
      <c r="B1319">
        <v>262081</v>
      </c>
      <c r="C1319" s="1">
        <v>44752</v>
      </c>
      <c r="D1319">
        <v>125</v>
      </c>
      <c r="E1319">
        <v>126</v>
      </c>
      <c r="F1319" t="s">
        <v>159</v>
      </c>
      <c r="G1319">
        <v>14</v>
      </c>
      <c r="H1319">
        <v>308</v>
      </c>
      <c r="I1319">
        <v>1</v>
      </c>
      <c r="J1319">
        <v>0</v>
      </c>
      <c r="K1319">
        <v>1117953</v>
      </c>
      <c r="L1319">
        <v>1117954</v>
      </c>
      <c r="M1319">
        <v>112</v>
      </c>
      <c r="N1319" t="s">
        <v>246</v>
      </c>
      <c r="O1319" s="1">
        <v>44752.790972222225</v>
      </c>
      <c r="P1319" s="1">
        <v>44752.878472222219</v>
      </c>
    </row>
    <row r="1320" spans="1:16" x14ac:dyDescent="0.4">
      <c r="A1320">
        <v>4636</v>
      </c>
      <c r="B1320">
        <v>262226</v>
      </c>
      <c r="C1320" s="1">
        <v>44755</v>
      </c>
      <c r="D1320">
        <v>125</v>
      </c>
      <c r="E1320">
        <v>126</v>
      </c>
      <c r="F1320" t="s">
        <v>159</v>
      </c>
      <c r="G1320">
        <v>12</v>
      </c>
      <c r="H1320">
        <v>308</v>
      </c>
      <c r="I1320">
        <v>1</v>
      </c>
      <c r="J1320">
        <v>0</v>
      </c>
      <c r="K1320">
        <v>1118432</v>
      </c>
      <c r="L1320">
        <v>1118433</v>
      </c>
      <c r="M1320">
        <v>29</v>
      </c>
      <c r="N1320" t="s">
        <v>247</v>
      </c>
      <c r="O1320" s="1">
        <v>44755.74722222222</v>
      </c>
      <c r="P1320" s="1">
        <v>44755.824305555558</v>
      </c>
    </row>
    <row r="1321" spans="1:16" x14ac:dyDescent="0.4">
      <c r="A1321">
        <v>4637</v>
      </c>
      <c r="B1321">
        <v>262330</v>
      </c>
      <c r="C1321" s="1">
        <v>44757</v>
      </c>
      <c r="D1321">
        <v>66</v>
      </c>
      <c r="E1321">
        <v>39</v>
      </c>
      <c r="F1321" t="s">
        <v>135</v>
      </c>
      <c r="G1321">
        <v>2</v>
      </c>
      <c r="H1321">
        <v>0</v>
      </c>
      <c r="I1321">
        <v>1</v>
      </c>
      <c r="J1321">
        <v>0</v>
      </c>
      <c r="K1321">
        <v>1118781</v>
      </c>
      <c r="L1321">
        <v>1118782</v>
      </c>
      <c r="M1321">
        <v>115</v>
      </c>
      <c r="N1321" t="s">
        <v>239</v>
      </c>
      <c r="O1321" s="1">
        <v>44757.876388888886</v>
      </c>
      <c r="P1321" s="1">
        <v>44757.878472222219</v>
      </c>
    </row>
    <row r="1322" spans="1:16" x14ac:dyDescent="0.4">
      <c r="A1322">
        <v>4640</v>
      </c>
      <c r="B1322">
        <v>262414</v>
      </c>
      <c r="C1322" s="1">
        <v>44758</v>
      </c>
      <c r="D1322">
        <v>236</v>
      </c>
      <c r="E1322">
        <v>660</v>
      </c>
      <c r="F1322" t="s">
        <v>170</v>
      </c>
      <c r="G1322">
        <v>4</v>
      </c>
      <c r="H1322">
        <v>0</v>
      </c>
      <c r="I1322">
        <v>1</v>
      </c>
      <c r="J1322">
        <v>0</v>
      </c>
      <c r="K1322">
        <v>1119085</v>
      </c>
      <c r="L1322">
        <v>1119086</v>
      </c>
      <c r="M1322">
        <v>104</v>
      </c>
      <c r="N1322" t="s">
        <v>248</v>
      </c>
      <c r="O1322" s="1">
        <v>44758.872916666667</v>
      </c>
      <c r="P1322" s="1">
        <v>44758.872916666667</v>
      </c>
    </row>
    <row r="1323" spans="1:16" x14ac:dyDescent="0.4">
      <c r="A1323">
        <v>4643</v>
      </c>
      <c r="B1323">
        <v>262589</v>
      </c>
      <c r="C1323" s="1">
        <v>44761</v>
      </c>
      <c r="D1323">
        <v>290</v>
      </c>
      <c r="E1323">
        <v>1260</v>
      </c>
      <c r="F1323" t="s">
        <v>167</v>
      </c>
      <c r="G1323">
        <v>12</v>
      </c>
      <c r="H1323">
        <v>440</v>
      </c>
      <c r="I1323">
        <v>1</v>
      </c>
      <c r="J1323">
        <v>0</v>
      </c>
      <c r="K1323">
        <v>1119773</v>
      </c>
      <c r="L1323">
        <v>1119774</v>
      </c>
      <c r="M1323">
        <v>74</v>
      </c>
      <c r="N1323" t="s">
        <v>249</v>
      </c>
      <c r="O1323" s="1">
        <v>44761.638888888891</v>
      </c>
      <c r="P1323" s="1">
        <v>44761.63958333333</v>
      </c>
    </row>
    <row r="1324" spans="1:16" x14ac:dyDescent="0.4">
      <c r="A1324">
        <v>4644</v>
      </c>
      <c r="B1324">
        <v>262859</v>
      </c>
      <c r="C1324" s="1">
        <v>44765</v>
      </c>
      <c r="D1324">
        <v>92</v>
      </c>
      <c r="E1324">
        <v>73</v>
      </c>
      <c r="F1324" t="s">
        <v>120</v>
      </c>
      <c r="G1324">
        <v>12</v>
      </c>
      <c r="H1324">
        <v>528</v>
      </c>
      <c r="I1324">
        <v>1</v>
      </c>
      <c r="J1324">
        <v>0</v>
      </c>
      <c r="K1324">
        <v>1120738</v>
      </c>
      <c r="L1324">
        <v>1120739</v>
      </c>
      <c r="M1324">
        <v>74</v>
      </c>
      <c r="N1324" t="s">
        <v>249</v>
      </c>
      <c r="O1324" s="1">
        <v>44766.121527777781</v>
      </c>
      <c r="P1324" s="1">
        <v>44766.124305555553</v>
      </c>
    </row>
    <row r="1325" spans="1:16" x14ac:dyDescent="0.4">
      <c r="A1325">
        <v>4646</v>
      </c>
      <c r="B1325">
        <v>264012</v>
      </c>
      <c r="C1325" s="1">
        <v>44785</v>
      </c>
      <c r="D1325">
        <v>143</v>
      </c>
      <c r="E1325">
        <v>123</v>
      </c>
      <c r="F1325" t="s">
        <v>168</v>
      </c>
      <c r="G1325">
        <v>1</v>
      </c>
      <c r="H1325">
        <v>385</v>
      </c>
      <c r="I1325">
        <v>1</v>
      </c>
      <c r="J1325">
        <v>0</v>
      </c>
      <c r="K1325">
        <v>1124705</v>
      </c>
      <c r="L1325">
        <v>1124706</v>
      </c>
      <c r="M1325">
        <v>108</v>
      </c>
      <c r="N1325" t="s">
        <v>45</v>
      </c>
      <c r="O1325" s="1">
        <v>44785.871527777781</v>
      </c>
      <c r="P1325" s="1">
        <v>44785.882638888892</v>
      </c>
    </row>
    <row r="1326" spans="1:16" x14ac:dyDescent="0.4">
      <c r="A1326">
        <v>4647</v>
      </c>
      <c r="B1326">
        <v>264214</v>
      </c>
      <c r="C1326" s="1">
        <v>44788</v>
      </c>
      <c r="D1326">
        <v>153</v>
      </c>
      <c r="E1326">
        <v>151</v>
      </c>
      <c r="F1326" t="s">
        <v>108</v>
      </c>
      <c r="G1326">
        <v>10</v>
      </c>
      <c r="H1326">
        <v>462</v>
      </c>
      <c r="I1326">
        <v>1</v>
      </c>
      <c r="J1326">
        <v>0</v>
      </c>
      <c r="K1326">
        <v>1125496</v>
      </c>
      <c r="L1326">
        <v>1125497</v>
      </c>
      <c r="M1326">
        <v>95</v>
      </c>
      <c r="N1326" t="s">
        <v>68</v>
      </c>
      <c r="O1326" s="1">
        <v>44788.986111111109</v>
      </c>
      <c r="P1326" s="1">
        <v>44788.989583333336</v>
      </c>
    </row>
    <row r="1327" spans="1:16" x14ac:dyDescent="0.4">
      <c r="A1327">
        <v>4649</v>
      </c>
      <c r="B1327">
        <v>264420</v>
      </c>
      <c r="C1327" s="1">
        <v>44791</v>
      </c>
      <c r="D1327">
        <v>97</v>
      </c>
      <c r="E1327">
        <v>21</v>
      </c>
      <c r="F1327" t="s">
        <v>214</v>
      </c>
      <c r="G1327">
        <v>15</v>
      </c>
      <c r="H1327">
        <v>462</v>
      </c>
      <c r="I1327">
        <v>1</v>
      </c>
      <c r="J1327">
        <v>0</v>
      </c>
      <c r="K1327">
        <v>1126239</v>
      </c>
      <c r="L1327">
        <v>1126240</v>
      </c>
      <c r="M1327">
        <v>108</v>
      </c>
      <c r="N1327" t="s">
        <v>45</v>
      </c>
      <c r="O1327" s="1">
        <v>44791.933333333334</v>
      </c>
      <c r="P1327" s="1">
        <v>44791.936111111114</v>
      </c>
    </row>
    <row r="1328" spans="1:16" x14ac:dyDescent="0.4">
      <c r="A1328">
        <v>4651</v>
      </c>
      <c r="B1328">
        <v>264474</v>
      </c>
      <c r="C1328" s="1">
        <v>44792</v>
      </c>
      <c r="D1328">
        <v>97</v>
      </c>
      <c r="E1328">
        <v>21</v>
      </c>
      <c r="F1328" t="s">
        <v>214</v>
      </c>
      <c r="G1328">
        <v>5</v>
      </c>
      <c r="H1328">
        <v>462</v>
      </c>
      <c r="I1328">
        <v>1</v>
      </c>
      <c r="J1328">
        <v>0</v>
      </c>
      <c r="K1328">
        <v>1126431</v>
      </c>
      <c r="L1328">
        <v>1126432</v>
      </c>
      <c r="M1328">
        <v>74</v>
      </c>
      <c r="N1328" t="s">
        <v>249</v>
      </c>
      <c r="O1328" s="1">
        <v>44792.738888888889</v>
      </c>
      <c r="P1328" s="1">
        <v>44792.741666666669</v>
      </c>
    </row>
    <row r="1329" spans="1:16" x14ac:dyDescent="0.4">
      <c r="A1329">
        <v>4652</v>
      </c>
      <c r="B1329">
        <v>264563</v>
      </c>
      <c r="C1329" s="1">
        <v>44794</v>
      </c>
      <c r="D1329">
        <v>304</v>
      </c>
      <c r="E1329">
        <v>3126</v>
      </c>
      <c r="F1329" t="s">
        <v>176</v>
      </c>
      <c r="G1329">
        <v>17</v>
      </c>
      <c r="H1329">
        <v>0</v>
      </c>
      <c r="I1329">
        <v>1</v>
      </c>
      <c r="J1329">
        <v>0</v>
      </c>
      <c r="K1329">
        <v>1126802</v>
      </c>
      <c r="L1329">
        <v>1126803</v>
      </c>
      <c r="M1329">
        <v>115</v>
      </c>
      <c r="N1329" t="s">
        <v>239</v>
      </c>
      <c r="O1329" s="1">
        <v>44794.419444444444</v>
      </c>
      <c r="P1329" s="1">
        <v>44794.431250000001</v>
      </c>
    </row>
    <row r="1330" spans="1:16" x14ac:dyDescent="0.4">
      <c r="A1330">
        <v>4653</v>
      </c>
      <c r="B1330">
        <v>265051</v>
      </c>
      <c r="C1330" s="1">
        <v>44802</v>
      </c>
      <c r="D1330">
        <v>96</v>
      </c>
      <c r="E1330">
        <v>20</v>
      </c>
      <c r="F1330" t="s">
        <v>63</v>
      </c>
      <c r="G1330">
        <v>1</v>
      </c>
      <c r="H1330">
        <v>462</v>
      </c>
      <c r="I1330">
        <v>1</v>
      </c>
      <c r="J1330">
        <v>0</v>
      </c>
      <c r="K1330">
        <v>1128477</v>
      </c>
      <c r="L1330">
        <v>1128478</v>
      </c>
      <c r="M1330">
        <v>119</v>
      </c>
      <c r="N1330" t="s">
        <v>241</v>
      </c>
      <c r="O1330" s="1">
        <v>44802.424305555556</v>
      </c>
      <c r="P1330" s="1">
        <v>44802.425000000003</v>
      </c>
    </row>
    <row r="1331" spans="1:16" x14ac:dyDescent="0.4">
      <c r="A1331">
        <v>4654</v>
      </c>
      <c r="B1331">
        <v>265094</v>
      </c>
      <c r="C1331" s="1">
        <v>44802</v>
      </c>
      <c r="D1331">
        <v>280</v>
      </c>
      <c r="E1331">
        <v>1266</v>
      </c>
      <c r="F1331" t="s">
        <v>162</v>
      </c>
      <c r="G1331">
        <v>16</v>
      </c>
      <c r="H1331">
        <v>594</v>
      </c>
      <c r="I1331">
        <v>1</v>
      </c>
      <c r="J1331">
        <v>0</v>
      </c>
      <c r="K1331">
        <v>1128612</v>
      </c>
      <c r="L1331">
        <v>1128613</v>
      </c>
      <c r="M1331">
        <v>103</v>
      </c>
      <c r="N1331" t="s">
        <v>15</v>
      </c>
      <c r="O1331" s="1">
        <v>44802.780555555553</v>
      </c>
      <c r="P1331" s="1">
        <v>44802.780555555553</v>
      </c>
    </row>
    <row r="1332" spans="1:16" x14ac:dyDescent="0.4">
      <c r="A1332">
        <v>4655</v>
      </c>
      <c r="B1332">
        <v>265324</v>
      </c>
      <c r="C1332" s="1">
        <v>44807</v>
      </c>
      <c r="D1332">
        <v>125</v>
      </c>
      <c r="E1332">
        <v>126</v>
      </c>
      <c r="F1332" t="s">
        <v>159</v>
      </c>
      <c r="G1332">
        <v>4</v>
      </c>
      <c r="H1332">
        <v>308</v>
      </c>
      <c r="I1332">
        <v>1</v>
      </c>
      <c r="J1332">
        <v>0</v>
      </c>
      <c r="K1332">
        <v>1129411</v>
      </c>
      <c r="L1332">
        <v>1129412</v>
      </c>
      <c r="M1332">
        <v>118</v>
      </c>
      <c r="N1332" t="s">
        <v>240</v>
      </c>
      <c r="O1332" s="1">
        <v>44807.53402777778</v>
      </c>
      <c r="P1332" s="1">
        <v>44807.635416666664</v>
      </c>
    </row>
    <row r="1333" spans="1:16" x14ac:dyDescent="0.4">
      <c r="A1333">
        <v>4656</v>
      </c>
      <c r="B1333">
        <v>265819</v>
      </c>
      <c r="C1333" s="1">
        <v>44816</v>
      </c>
      <c r="D1333">
        <v>328</v>
      </c>
      <c r="E1333">
        <v>3</v>
      </c>
      <c r="F1333" t="s">
        <v>201</v>
      </c>
      <c r="G1333">
        <v>3</v>
      </c>
      <c r="H1333">
        <v>30</v>
      </c>
      <c r="I1333">
        <v>1</v>
      </c>
      <c r="J1333">
        <v>0</v>
      </c>
      <c r="K1333">
        <v>1131075</v>
      </c>
      <c r="L1333">
        <v>1131076</v>
      </c>
      <c r="M1333">
        <v>119</v>
      </c>
      <c r="N1333" t="s">
        <v>241</v>
      </c>
      <c r="O1333" s="1">
        <v>44816.741666666669</v>
      </c>
      <c r="P1333" s="1">
        <v>44816.741666666669</v>
      </c>
    </row>
    <row r="1334" spans="1:16" x14ac:dyDescent="0.4">
      <c r="A1334">
        <v>4657</v>
      </c>
      <c r="B1334">
        <v>266122</v>
      </c>
      <c r="C1334" s="1">
        <v>44822</v>
      </c>
      <c r="D1334">
        <v>125</v>
      </c>
      <c r="E1334">
        <v>126</v>
      </c>
      <c r="F1334" t="s">
        <v>159</v>
      </c>
      <c r="G1334">
        <v>6</v>
      </c>
      <c r="H1334">
        <v>308</v>
      </c>
      <c r="I1334">
        <v>1</v>
      </c>
      <c r="J1334">
        <v>0</v>
      </c>
      <c r="K1334">
        <v>1132096</v>
      </c>
      <c r="L1334">
        <v>1132097</v>
      </c>
      <c r="M1334">
        <v>115</v>
      </c>
      <c r="N1334" t="s">
        <v>239</v>
      </c>
      <c r="O1334" s="1">
        <v>44822.51458333333</v>
      </c>
      <c r="P1334" s="1">
        <v>44822.520138888889</v>
      </c>
    </row>
    <row r="1335" spans="1:16" x14ac:dyDescent="0.4">
      <c r="A1335">
        <v>4658</v>
      </c>
      <c r="B1335">
        <v>266457</v>
      </c>
      <c r="C1335" s="1">
        <v>44828</v>
      </c>
      <c r="D1335">
        <v>125</v>
      </c>
      <c r="E1335">
        <v>126</v>
      </c>
      <c r="F1335" t="s">
        <v>159</v>
      </c>
      <c r="G1335">
        <v>17</v>
      </c>
      <c r="H1335">
        <v>308</v>
      </c>
      <c r="I1335">
        <v>1</v>
      </c>
      <c r="J1335">
        <v>0</v>
      </c>
      <c r="K1335">
        <v>1133363</v>
      </c>
      <c r="L1335">
        <v>1133364</v>
      </c>
      <c r="M1335">
        <v>29</v>
      </c>
      <c r="N1335" t="s">
        <v>247</v>
      </c>
      <c r="O1335" s="1">
        <v>44828.606944444444</v>
      </c>
      <c r="P1335" s="1">
        <v>44828.706944444442</v>
      </c>
    </row>
    <row r="1336" spans="1:16" x14ac:dyDescent="0.4">
      <c r="A1336">
        <v>4660</v>
      </c>
      <c r="B1336">
        <v>266580</v>
      </c>
      <c r="C1336" s="1">
        <v>44829</v>
      </c>
      <c r="D1336">
        <v>97</v>
      </c>
      <c r="E1336">
        <v>21</v>
      </c>
      <c r="F1336" t="s">
        <v>214</v>
      </c>
      <c r="G1336">
        <v>1</v>
      </c>
      <c r="H1336">
        <v>0</v>
      </c>
      <c r="I1336">
        <v>2</v>
      </c>
      <c r="J1336">
        <v>1</v>
      </c>
      <c r="K1336">
        <v>1133782</v>
      </c>
      <c r="L1336">
        <v>1133783</v>
      </c>
      <c r="M1336">
        <v>108</v>
      </c>
      <c r="N1336" t="s">
        <v>45</v>
      </c>
      <c r="O1336" s="1">
        <v>44829.932638888888</v>
      </c>
      <c r="P1336" s="1">
        <v>44829.932638888888</v>
      </c>
    </row>
    <row r="1337" spans="1:16" x14ac:dyDescent="0.4">
      <c r="A1337">
        <v>4661</v>
      </c>
      <c r="B1337">
        <v>266582</v>
      </c>
      <c r="C1337" s="1">
        <v>44829</v>
      </c>
      <c r="D1337">
        <v>80</v>
      </c>
      <c r="E1337">
        <v>61</v>
      </c>
      <c r="F1337" t="s">
        <v>153</v>
      </c>
      <c r="G1337">
        <v>10</v>
      </c>
      <c r="H1337">
        <v>440</v>
      </c>
      <c r="I1337">
        <v>1</v>
      </c>
      <c r="J1337">
        <v>0</v>
      </c>
      <c r="K1337">
        <v>1133822</v>
      </c>
      <c r="L1337">
        <v>1133823</v>
      </c>
      <c r="M1337">
        <v>108</v>
      </c>
      <c r="N1337" t="s">
        <v>45</v>
      </c>
      <c r="O1337" s="1">
        <v>44830.122916666667</v>
      </c>
      <c r="P1337" s="1">
        <v>44830.176388888889</v>
      </c>
    </row>
    <row r="1338" spans="1:16" x14ac:dyDescent="0.4">
      <c r="A1338">
        <v>4662</v>
      </c>
      <c r="B1338">
        <v>266582</v>
      </c>
      <c r="C1338" s="1">
        <v>44829</v>
      </c>
      <c r="D1338">
        <v>69</v>
      </c>
      <c r="E1338">
        <v>50</v>
      </c>
      <c r="F1338" t="s">
        <v>18</v>
      </c>
      <c r="G1338">
        <v>10</v>
      </c>
      <c r="H1338">
        <v>528</v>
      </c>
      <c r="I1338">
        <v>1</v>
      </c>
      <c r="J1338">
        <v>0</v>
      </c>
      <c r="K1338">
        <v>1133824</v>
      </c>
      <c r="L1338">
        <v>1133825</v>
      </c>
      <c r="M1338">
        <v>108</v>
      </c>
      <c r="N1338" t="s">
        <v>45</v>
      </c>
      <c r="O1338" s="1">
        <v>44830.122916666667</v>
      </c>
      <c r="P1338" s="1">
        <v>44830.176388888889</v>
      </c>
    </row>
    <row r="1339" spans="1:16" x14ac:dyDescent="0.4">
      <c r="A1339">
        <v>4663</v>
      </c>
      <c r="B1339">
        <v>266582</v>
      </c>
      <c r="C1339" s="1">
        <v>44829</v>
      </c>
      <c r="D1339">
        <v>89</v>
      </c>
      <c r="E1339">
        <v>70</v>
      </c>
      <c r="F1339" t="s">
        <v>10</v>
      </c>
      <c r="G1339">
        <v>10</v>
      </c>
      <c r="H1339">
        <v>440</v>
      </c>
      <c r="I1339">
        <v>1</v>
      </c>
      <c r="J1339">
        <v>0</v>
      </c>
      <c r="K1339">
        <v>1133826</v>
      </c>
      <c r="L1339">
        <v>1133827</v>
      </c>
      <c r="M1339">
        <v>108</v>
      </c>
      <c r="N1339" t="s">
        <v>45</v>
      </c>
      <c r="O1339" s="1">
        <v>44830.122916666667</v>
      </c>
      <c r="P1339" s="1">
        <v>44830.176388888889</v>
      </c>
    </row>
    <row r="1340" spans="1:16" x14ac:dyDescent="0.4">
      <c r="A1340">
        <v>4664</v>
      </c>
      <c r="B1340">
        <v>266582</v>
      </c>
      <c r="C1340" s="1">
        <v>44829</v>
      </c>
      <c r="D1340">
        <v>316</v>
      </c>
      <c r="E1340">
        <v>245</v>
      </c>
      <c r="F1340" t="s">
        <v>105</v>
      </c>
      <c r="G1340">
        <v>10</v>
      </c>
      <c r="H1340">
        <v>528</v>
      </c>
      <c r="I1340">
        <v>1</v>
      </c>
      <c r="J1340">
        <v>0</v>
      </c>
      <c r="K1340">
        <v>1133828</v>
      </c>
      <c r="L1340">
        <v>1133829</v>
      </c>
      <c r="M1340">
        <v>108</v>
      </c>
      <c r="N1340" t="s">
        <v>45</v>
      </c>
      <c r="O1340" s="1">
        <v>44830.122916666667</v>
      </c>
      <c r="P1340" s="1">
        <v>44830.176388888889</v>
      </c>
    </row>
    <row r="1341" spans="1:16" x14ac:dyDescent="0.4">
      <c r="A1341">
        <v>4665</v>
      </c>
      <c r="B1341">
        <v>267191</v>
      </c>
      <c r="C1341" s="1">
        <v>44842</v>
      </c>
      <c r="D1341">
        <v>97</v>
      </c>
      <c r="E1341">
        <v>21</v>
      </c>
      <c r="F1341" t="s">
        <v>214</v>
      </c>
      <c r="G1341">
        <v>5</v>
      </c>
      <c r="H1341">
        <v>462</v>
      </c>
      <c r="I1341">
        <v>1</v>
      </c>
      <c r="J1341">
        <v>0</v>
      </c>
      <c r="K1341">
        <v>1135923</v>
      </c>
      <c r="L1341">
        <v>1135924</v>
      </c>
      <c r="M1341">
        <v>108</v>
      </c>
      <c r="N1341" t="s">
        <v>45</v>
      </c>
      <c r="O1341" s="1">
        <v>44842.802083333336</v>
      </c>
      <c r="P1341" s="1">
        <v>44842.870138888888</v>
      </c>
    </row>
    <row r="1342" spans="1:16" x14ac:dyDescent="0.4">
      <c r="A1342">
        <v>4666</v>
      </c>
      <c r="B1342">
        <v>267191</v>
      </c>
      <c r="C1342" s="1">
        <v>44842</v>
      </c>
      <c r="D1342">
        <v>88</v>
      </c>
      <c r="E1342">
        <v>69</v>
      </c>
      <c r="F1342" t="s">
        <v>55</v>
      </c>
      <c r="G1342">
        <v>5</v>
      </c>
      <c r="H1342">
        <v>440</v>
      </c>
      <c r="I1342">
        <v>1</v>
      </c>
      <c r="J1342">
        <v>0</v>
      </c>
      <c r="K1342">
        <v>1135925</v>
      </c>
      <c r="L1342">
        <v>1135926</v>
      </c>
      <c r="M1342">
        <v>108</v>
      </c>
      <c r="N1342" t="s">
        <v>45</v>
      </c>
      <c r="O1342" s="1">
        <v>44842.802083333336</v>
      </c>
      <c r="P1342" s="1">
        <v>44842.870138888888</v>
      </c>
    </row>
    <row r="1343" spans="1:16" x14ac:dyDescent="0.4">
      <c r="A1343">
        <v>4667</v>
      </c>
      <c r="B1343">
        <v>267191</v>
      </c>
      <c r="C1343" s="1">
        <v>44842</v>
      </c>
      <c r="D1343">
        <v>79</v>
      </c>
      <c r="E1343">
        <v>60</v>
      </c>
      <c r="F1343" t="s">
        <v>157</v>
      </c>
      <c r="G1343">
        <v>5</v>
      </c>
      <c r="H1343">
        <v>440</v>
      </c>
      <c r="I1343">
        <v>1</v>
      </c>
      <c r="J1343">
        <v>0</v>
      </c>
      <c r="K1343">
        <v>1135927</v>
      </c>
      <c r="L1343">
        <v>1135928</v>
      </c>
      <c r="M1343">
        <v>108</v>
      </c>
      <c r="N1343" t="s">
        <v>45</v>
      </c>
      <c r="O1343" s="1">
        <v>44842.82916666667</v>
      </c>
      <c r="P1343" s="1">
        <v>44842.870138888888</v>
      </c>
    </row>
    <row r="1344" spans="1:16" x14ac:dyDescent="0.4">
      <c r="A1344">
        <v>4668</v>
      </c>
      <c r="B1344">
        <v>267191</v>
      </c>
      <c r="C1344" s="1">
        <v>44842</v>
      </c>
      <c r="D1344">
        <v>97</v>
      </c>
      <c r="E1344">
        <v>21</v>
      </c>
      <c r="F1344" t="s">
        <v>214</v>
      </c>
      <c r="G1344">
        <v>5</v>
      </c>
      <c r="H1344">
        <v>462</v>
      </c>
      <c r="I1344">
        <v>1</v>
      </c>
      <c r="J1344">
        <v>0</v>
      </c>
      <c r="K1344">
        <v>1135929</v>
      </c>
      <c r="L1344">
        <v>1135930</v>
      </c>
      <c r="M1344">
        <v>108</v>
      </c>
      <c r="N1344" t="s">
        <v>45</v>
      </c>
      <c r="O1344" s="1">
        <v>44842.82916666667</v>
      </c>
      <c r="P1344" s="1">
        <v>44842.870138888888</v>
      </c>
    </row>
    <row r="1345" spans="1:16" x14ac:dyDescent="0.4">
      <c r="A1345">
        <v>4669</v>
      </c>
      <c r="B1345">
        <v>267191</v>
      </c>
      <c r="C1345" s="1">
        <v>44842</v>
      </c>
      <c r="D1345">
        <v>88</v>
      </c>
      <c r="E1345">
        <v>69</v>
      </c>
      <c r="F1345" t="s">
        <v>55</v>
      </c>
      <c r="G1345">
        <v>5</v>
      </c>
      <c r="H1345">
        <v>440</v>
      </c>
      <c r="I1345">
        <v>1</v>
      </c>
      <c r="J1345">
        <v>0</v>
      </c>
      <c r="K1345">
        <v>1135931</v>
      </c>
      <c r="L1345">
        <v>1135932</v>
      </c>
      <c r="M1345">
        <v>108</v>
      </c>
      <c r="N1345" t="s">
        <v>45</v>
      </c>
      <c r="O1345" s="1">
        <v>44842.869444444441</v>
      </c>
      <c r="P1345" s="1">
        <v>44842.870138888888</v>
      </c>
    </row>
    <row r="1346" spans="1:16" x14ac:dyDescent="0.4">
      <c r="A1346">
        <v>4670</v>
      </c>
      <c r="B1346">
        <v>267191</v>
      </c>
      <c r="C1346" s="1">
        <v>44842</v>
      </c>
      <c r="D1346">
        <v>97</v>
      </c>
      <c r="E1346">
        <v>21</v>
      </c>
      <c r="F1346" t="s">
        <v>214</v>
      </c>
      <c r="G1346">
        <v>5</v>
      </c>
      <c r="H1346">
        <v>462</v>
      </c>
      <c r="I1346">
        <v>1</v>
      </c>
      <c r="J1346">
        <v>0</v>
      </c>
      <c r="K1346">
        <v>1135933</v>
      </c>
      <c r="L1346">
        <v>1135934</v>
      </c>
      <c r="M1346">
        <v>108</v>
      </c>
      <c r="N1346" t="s">
        <v>45</v>
      </c>
      <c r="O1346" s="1">
        <v>44842.869444444441</v>
      </c>
      <c r="P1346" s="1">
        <v>44842.870138888888</v>
      </c>
    </row>
    <row r="1347" spans="1:16" x14ac:dyDescent="0.4">
      <c r="A1347">
        <v>4671</v>
      </c>
      <c r="B1347">
        <v>267365</v>
      </c>
      <c r="C1347" s="1">
        <v>44845</v>
      </c>
      <c r="D1347">
        <v>192</v>
      </c>
      <c r="E1347">
        <v>222</v>
      </c>
      <c r="F1347" t="s">
        <v>228</v>
      </c>
      <c r="G1347">
        <v>10</v>
      </c>
      <c r="H1347">
        <v>352</v>
      </c>
      <c r="I1347">
        <v>1</v>
      </c>
      <c r="J1347">
        <v>0</v>
      </c>
      <c r="K1347">
        <v>1136540</v>
      </c>
      <c r="L1347">
        <v>1136541</v>
      </c>
      <c r="M1347">
        <v>115</v>
      </c>
      <c r="N1347" t="s">
        <v>239</v>
      </c>
      <c r="O1347" s="1">
        <v>44845.616666666669</v>
      </c>
      <c r="P1347" s="1">
        <v>44845.619444444441</v>
      </c>
    </row>
    <row r="1348" spans="1:16" x14ac:dyDescent="0.4">
      <c r="A1348">
        <v>4672</v>
      </c>
      <c r="B1348">
        <v>267365</v>
      </c>
      <c r="C1348" s="1">
        <v>44845</v>
      </c>
      <c r="D1348">
        <v>75</v>
      </c>
      <c r="E1348">
        <v>56</v>
      </c>
      <c r="F1348" t="s">
        <v>49</v>
      </c>
      <c r="G1348">
        <v>10</v>
      </c>
      <c r="H1348">
        <v>440</v>
      </c>
      <c r="I1348">
        <v>1</v>
      </c>
      <c r="J1348">
        <v>0</v>
      </c>
      <c r="K1348">
        <v>1136542</v>
      </c>
      <c r="L1348">
        <v>1136543</v>
      </c>
      <c r="M1348">
        <v>115</v>
      </c>
      <c r="N1348" t="s">
        <v>239</v>
      </c>
      <c r="O1348" s="1">
        <v>44845.616666666669</v>
      </c>
      <c r="P1348" s="1">
        <v>44845.620138888888</v>
      </c>
    </row>
    <row r="1349" spans="1:16" x14ac:dyDescent="0.4">
      <c r="A1349">
        <v>4673</v>
      </c>
      <c r="B1349">
        <v>267365</v>
      </c>
      <c r="C1349" s="1">
        <v>44845</v>
      </c>
      <c r="D1349">
        <v>290</v>
      </c>
      <c r="E1349">
        <v>1260</v>
      </c>
      <c r="F1349" t="s">
        <v>167</v>
      </c>
      <c r="G1349">
        <v>10</v>
      </c>
      <c r="H1349">
        <v>440</v>
      </c>
      <c r="I1349">
        <v>1</v>
      </c>
      <c r="J1349">
        <v>0</v>
      </c>
      <c r="K1349">
        <v>1136578</v>
      </c>
      <c r="L1349">
        <v>1136579</v>
      </c>
      <c r="M1349">
        <v>115</v>
      </c>
      <c r="N1349" t="s">
        <v>239</v>
      </c>
      <c r="O1349" s="1">
        <v>44845.677777777775</v>
      </c>
      <c r="P1349" s="1">
        <v>44845.695138888892</v>
      </c>
    </row>
    <row r="1350" spans="1:16" x14ac:dyDescent="0.4">
      <c r="A1350">
        <v>4674</v>
      </c>
      <c r="B1350">
        <v>267400</v>
      </c>
      <c r="C1350" s="1">
        <v>44846</v>
      </c>
      <c r="D1350">
        <v>304</v>
      </c>
      <c r="E1350">
        <v>3126</v>
      </c>
      <c r="F1350" t="s">
        <v>176</v>
      </c>
      <c r="G1350">
        <v>18</v>
      </c>
      <c r="H1350">
        <v>0</v>
      </c>
      <c r="I1350">
        <v>1</v>
      </c>
      <c r="J1350">
        <v>0</v>
      </c>
      <c r="K1350">
        <v>1136676</v>
      </c>
      <c r="L1350">
        <v>1136677</v>
      </c>
      <c r="M1350">
        <v>103</v>
      </c>
      <c r="N1350" t="s">
        <v>15</v>
      </c>
      <c r="O1350" s="1">
        <v>44846.534722222219</v>
      </c>
      <c r="P1350" s="1">
        <v>44846.554861111108</v>
      </c>
    </row>
    <row r="1351" spans="1:16" x14ac:dyDescent="0.4">
      <c r="A1351">
        <v>4675</v>
      </c>
      <c r="B1351">
        <v>267534</v>
      </c>
      <c r="C1351" s="1">
        <v>44849</v>
      </c>
      <c r="D1351">
        <v>96</v>
      </c>
      <c r="E1351">
        <v>20</v>
      </c>
      <c r="F1351" t="s">
        <v>63</v>
      </c>
      <c r="G1351">
        <v>1</v>
      </c>
      <c r="H1351">
        <v>462</v>
      </c>
      <c r="I1351">
        <v>1</v>
      </c>
      <c r="J1351">
        <v>0</v>
      </c>
      <c r="K1351">
        <v>1137180</v>
      </c>
      <c r="L1351">
        <v>1137181</v>
      </c>
      <c r="M1351">
        <v>115</v>
      </c>
      <c r="N1351" t="s">
        <v>239</v>
      </c>
      <c r="O1351" s="1">
        <v>44849.425694444442</v>
      </c>
      <c r="P1351" s="1">
        <v>44849.495833333334</v>
      </c>
    </row>
    <row r="1352" spans="1:16" x14ac:dyDescent="0.4">
      <c r="A1352">
        <v>4676</v>
      </c>
      <c r="B1352">
        <v>267610</v>
      </c>
      <c r="C1352" s="1">
        <v>44849</v>
      </c>
      <c r="D1352">
        <v>125</v>
      </c>
      <c r="E1352">
        <v>126</v>
      </c>
      <c r="F1352" t="s">
        <v>159</v>
      </c>
      <c r="G1352">
        <v>4</v>
      </c>
      <c r="H1352">
        <v>308</v>
      </c>
      <c r="I1352">
        <v>1</v>
      </c>
      <c r="J1352">
        <v>0</v>
      </c>
      <c r="K1352">
        <v>1137463</v>
      </c>
      <c r="L1352">
        <v>1137464</v>
      </c>
      <c r="M1352">
        <v>108</v>
      </c>
      <c r="N1352" t="s">
        <v>45</v>
      </c>
      <c r="O1352" s="1">
        <v>44849.999305555553</v>
      </c>
      <c r="P1352" s="1">
        <v>44850.01458333333</v>
      </c>
    </row>
    <row r="1353" spans="1:16" x14ac:dyDescent="0.4">
      <c r="A1353">
        <v>4677</v>
      </c>
      <c r="B1353">
        <v>268024</v>
      </c>
      <c r="C1353" s="1">
        <v>44856</v>
      </c>
      <c r="D1353">
        <v>364</v>
      </c>
      <c r="E1353">
        <v>9</v>
      </c>
      <c r="F1353" t="s">
        <v>250</v>
      </c>
      <c r="G1353">
        <v>4</v>
      </c>
      <c r="H1353">
        <v>385</v>
      </c>
      <c r="I1353">
        <v>2</v>
      </c>
      <c r="J1353">
        <v>0</v>
      </c>
      <c r="K1353">
        <v>1138907</v>
      </c>
      <c r="L1353">
        <v>1138908</v>
      </c>
      <c r="M1353">
        <v>108</v>
      </c>
      <c r="N1353" t="s">
        <v>45</v>
      </c>
      <c r="O1353" s="1">
        <v>44856.913194444445</v>
      </c>
      <c r="P1353" s="1">
        <v>44856.913194444445</v>
      </c>
    </row>
    <row r="1354" spans="1:16" x14ac:dyDescent="0.4">
      <c r="A1354">
        <v>4678</v>
      </c>
      <c r="B1354">
        <v>268025</v>
      </c>
      <c r="C1354" s="1">
        <v>44856</v>
      </c>
      <c r="D1354">
        <v>280</v>
      </c>
      <c r="E1354">
        <v>1266</v>
      </c>
      <c r="F1354" t="s">
        <v>162</v>
      </c>
      <c r="G1354">
        <v>7</v>
      </c>
      <c r="H1354">
        <v>594</v>
      </c>
      <c r="I1354">
        <v>1</v>
      </c>
      <c r="J1354">
        <v>0</v>
      </c>
      <c r="K1354">
        <v>1138919</v>
      </c>
      <c r="L1354">
        <v>1138920</v>
      </c>
      <c r="M1354">
        <v>103</v>
      </c>
      <c r="N1354" t="s">
        <v>15</v>
      </c>
      <c r="O1354" s="1">
        <v>44856.918055555558</v>
      </c>
      <c r="P1354" s="1">
        <v>44856.92291666667</v>
      </c>
    </row>
    <row r="1355" spans="1:16" x14ac:dyDescent="0.4">
      <c r="A1355">
        <v>4679</v>
      </c>
      <c r="B1355">
        <v>268025</v>
      </c>
      <c r="C1355" s="1">
        <v>44856</v>
      </c>
      <c r="D1355">
        <v>126</v>
      </c>
      <c r="E1355">
        <v>138</v>
      </c>
      <c r="F1355" t="s">
        <v>181</v>
      </c>
      <c r="G1355">
        <v>7</v>
      </c>
      <c r="H1355">
        <v>418</v>
      </c>
      <c r="I1355">
        <v>1</v>
      </c>
      <c r="J1355">
        <v>0</v>
      </c>
      <c r="K1355">
        <v>1138921</v>
      </c>
      <c r="L1355">
        <v>1138922</v>
      </c>
      <c r="M1355">
        <v>103</v>
      </c>
      <c r="N1355" t="s">
        <v>15</v>
      </c>
      <c r="O1355" s="1">
        <v>44856.918055555558</v>
      </c>
      <c r="P1355" s="1">
        <v>44856.92291666667</v>
      </c>
    </row>
    <row r="1356" spans="1:16" x14ac:dyDescent="0.4">
      <c r="A1356">
        <v>4680</v>
      </c>
      <c r="B1356">
        <v>268374</v>
      </c>
      <c r="C1356" s="1">
        <v>44863</v>
      </c>
      <c r="D1356">
        <v>186</v>
      </c>
      <c r="E1356">
        <v>225</v>
      </c>
      <c r="F1356" t="s">
        <v>212</v>
      </c>
      <c r="G1356">
        <v>15</v>
      </c>
      <c r="H1356">
        <v>385</v>
      </c>
      <c r="I1356">
        <v>1</v>
      </c>
      <c r="J1356">
        <v>0</v>
      </c>
      <c r="K1356">
        <v>1140184</v>
      </c>
      <c r="L1356">
        <v>1140185</v>
      </c>
      <c r="M1356">
        <v>112</v>
      </c>
      <c r="N1356" t="s">
        <v>246</v>
      </c>
      <c r="O1356" s="1">
        <v>44863.78402777778</v>
      </c>
      <c r="P1356" s="1">
        <v>44863.804861111108</v>
      </c>
    </row>
    <row r="1357" spans="1:16" x14ac:dyDescent="0.4">
      <c r="A1357">
        <v>4681</v>
      </c>
      <c r="B1357">
        <v>268374</v>
      </c>
      <c r="C1357" s="1">
        <v>44863</v>
      </c>
      <c r="D1357">
        <v>186</v>
      </c>
      <c r="E1357">
        <v>225</v>
      </c>
      <c r="F1357" t="s">
        <v>212</v>
      </c>
      <c r="G1357">
        <v>15</v>
      </c>
      <c r="H1357">
        <v>385</v>
      </c>
      <c r="I1357">
        <v>1</v>
      </c>
      <c r="J1357">
        <v>0</v>
      </c>
      <c r="K1357">
        <v>1140186</v>
      </c>
      <c r="L1357">
        <v>1140187</v>
      </c>
      <c r="M1357">
        <v>112</v>
      </c>
      <c r="N1357" t="s">
        <v>246</v>
      </c>
      <c r="O1357" s="1">
        <v>44863.78402777778</v>
      </c>
      <c r="P1357" s="1">
        <v>44863.804861111108</v>
      </c>
    </row>
    <row r="1358" spans="1:16" x14ac:dyDescent="0.4">
      <c r="A1358">
        <v>4682</v>
      </c>
      <c r="B1358">
        <v>268598</v>
      </c>
      <c r="C1358" s="1">
        <v>44867</v>
      </c>
      <c r="D1358">
        <v>161</v>
      </c>
      <c r="E1358">
        <v>115</v>
      </c>
      <c r="F1358" t="s">
        <v>101</v>
      </c>
      <c r="G1358">
        <v>3</v>
      </c>
      <c r="H1358">
        <v>605</v>
      </c>
      <c r="I1358">
        <v>1</v>
      </c>
      <c r="J1358">
        <v>0</v>
      </c>
      <c r="K1358">
        <v>1140985</v>
      </c>
      <c r="L1358">
        <v>1140986</v>
      </c>
      <c r="M1358">
        <v>102</v>
      </c>
      <c r="N1358" t="s">
        <v>238</v>
      </c>
      <c r="O1358" s="1">
        <v>44867.923611111109</v>
      </c>
      <c r="P1358" s="1">
        <v>44867.931944444441</v>
      </c>
    </row>
    <row r="1359" spans="1:16" x14ac:dyDescent="0.4">
      <c r="A1359">
        <v>4683</v>
      </c>
      <c r="B1359">
        <v>268707</v>
      </c>
      <c r="C1359" s="1">
        <v>44869</v>
      </c>
      <c r="D1359">
        <v>290</v>
      </c>
      <c r="E1359">
        <v>1260</v>
      </c>
      <c r="F1359" t="s">
        <v>167</v>
      </c>
      <c r="G1359">
        <v>10</v>
      </c>
      <c r="H1359">
        <v>440</v>
      </c>
      <c r="I1359">
        <v>1</v>
      </c>
      <c r="J1359">
        <v>0</v>
      </c>
      <c r="K1359">
        <v>1141340</v>
      </c>
      <c r="L1359">
        <v>1141341</v>
      </c>
      <c r="M1359">
        <v>115</v>
      </c>
      <c r="N1359" t="s">
        <v>239</v>
      </c>
      <c r="O1359" s="1">
        <v>44869.753472222219</v>
      </c>
      <c r="P1359" s="1">
        <v>44869.758333333331</v>
      </c>
    </row>
    <row r="1360" spans="1:16" x14ac:dyDescent="0.4">
      <c r="A1360">
        <v>4684</v>
      </c>
      <c r="B1360">
        <v>268821</v>
      </c>
      <c r="C1360" s="1">
        <v>44871</v>
      </c>
      <c r="D1360">
        <v>125</v>
      </c>
      <c r="E1360">
        <v>126</v>
      </c>
      <c r="F1360" t="s">
        <v>159</v>
      </c>
      <c r="G1360">
        <v>9</v>
      </c>
      <c r="H1360">
        <v>308</v>
      </c>
      <c r="I1360">
        <v>2</v>
      </c>
      <c r="J1360">
        <v>0</v>
      </c>
      <c r="K1360">
        <v>1141783</v>
      </c>
      <c r="L1360">
        <v>1141784</v>
      </c>
      <c r="M1360">
        <v>118</v>
      </c>
      <c r="N1360" t="s">
        <v>240</v>
      </c>
      <c r="O1360" s="1">
        <v>44871.538888888892</v>
      </c>
      <c r="P1360" s="1">
        <v>44871.543055555558</v>
      </c>
    </row>
    <row r="1361" spans="1:16" x14ac:dyDescent="0.4">
      <c r="A1361">
        <v>4685</v>
      </c>
      <c r="B1361">
        <v>268823</v>
      </c>
      <c r="C1361" s="1">
        <v>44871</v>
      </c>
      <c r="D1361">
        <v>125</v>
      </c>
      <c r="E1361">
        <v>126</v>
      </c>
      <c r="F1361" t="s">
        <v>159</v>
      </c>
      <c r="G1361">
        <v>18</v>
      </c>
      <c r="H1361">
        <v>308</v>
      </c>
      <c r="I1361">
        <v>1</v>
      </c>
      <c r="J1361">
        <v>0</v>
      </c>
      <c r="K1361">
        <v>1141792</v>
      </c>
      <c r="L1361">
        <v>1141793</v>
      </c>
      <c r="M1361">
        <v>118</v>
      </c>
      <c r="N1361" t="s">
        <v>240</v>
      </c>
      <c r="O1361" s="1">
        <v>44871.555555555555</v>
      </c>
      <c r="P1361" s="1">
        <v>44871.5625</v>
      </c>
    </row>
    <row r="1362" spans="1:16" x14ac:dyDescent="0.4">
      <c r="A1362">
        <v>4687</v>
      </c>
      <c r="B1362">
        <v>269097</v>
      </c>
      <c r="C1362" s="1">
        <v>44877</v>
      </c>
      <c r="D1362">
        <v>125</v>
      </c>
      <c r="E1362">
        <v>126</v>
      </c>
      <c r="F1362" t="s">
        <v>159</v>
      </c>
      <c r="G1362">
        <v>16</v>
      </c>
      <c r="H1362">
        <v>308</v>
      </c>
      <c r="I1362">
        <v>1</v>
      </c>
      <c r="J1362">
        <v>0</v>
      </c>
      <c r="K1362">
        <v>1142771</v>
      </c>
      <c r="L1362">
        <v>1142772</v>
      </c>
      <c r="M1362">
        <v>118</v>
      </c>
      <c r="N1362" t="s">
        <v>240</v>
      </c>
      <c r="O1362" s="1">
        <v>44877.520833333336</v>
      </c>
      <c r="P1362" s="1">
        <v>44877.53125</v>
      </c>
    </row>
    <row r="1363" spans="1:16" x14ac:dyDescent="0.4">
      <c r="A1363">
        <v>4690</v>
      </c>
      <c r="B1363">
        <v>269251</v>
      </c>
      <c r="C1363" s="1">
        <v>44879</v>
      </c>
      <c r="D1363">
        <v>125</v>
      </c>
      <c r="E1363">
        <v>126</v>
      </c>
      <c r="F1363" t="s">
        <v>159</v>
      </c>
      <c r="G1363">
        <v>13</v>
      </c>
      <c r="H1363">
        <v>308</v>
      </c>
      <c r="I1363">
        <v>1</v>
      </c>
      <c r="J1363">
        <v>0</v>
      </c>
      <c r="K1363">
        <v>1143427</v>
      </c>
      <c r="L1363">
        <v>1143428</v>
      </c>
      <c r="M1363">
        <v>103</v>
      </c>
      <c r="N1363" t="s">
        <v>15</v>
      </c>
      <c r="O1363" s="1">
        <v>44879.69027777778</v>
      </c>
      <c r="P1363" s="1">
        <v>44879.808333333334</v>
      </c>
    </row>
    <row r="1364" spans="1:16" x14ac:dyDescent="0.4">
      <c r="A1364">
        <v>4691</v>
      </c>
      <c r="B1364">
        <v>269342</v>
      </c>
      <c r="C1364" s="1">
        <v>44882</v>
      </c>
      <c r="D1364">
        <v>186</v>
      </c>
      <c r="E1364">
        <v>225</v>
      </c>
      <c r="F1364" t="s">
        <v>212</v>
      </c>
      <c r="G1364">
        <v>5</v>
      </c>
      <c r="H1364">
        <v>385</v>
      </c>
      <c r="I1364">
        <v>3</v>
      </c>
      <c r="J1364">
        <v>0</v>
      </c>
      <c r="K1364">
        <v>1143677</v>
      </c>
      <c r="L1364">
        <v>1143678</v>
      </c>
      <c r="M1364">
        <v>119</v>
      </c>
      <c r="N1364" t="s">
        <v>241</v>
      </c>
      <c r="O1364" s="1">
        <v>44882.643750000003</v>
      </c>
      <c r="P1364" s="1">
        <v>44882.644444444442</v>
      </c>
    </row>
    <row r="1365" spans="1:16" x14ac:dyDescent="0.4">
      <c r="A1365">
        <v>4692</v>
      </c>
      <c r="B1365">
        <v>269475</v>
      </c>
      <c r="C1365" s="1">
        <v>44884</v>
      </c>
      <c r="D1365">
        <v>58</v>
      </c>
      <c r="E1365">
        <v>31</v>
      </c>
      <c r="F1365" t="s">
        <v>251</v>
      </c>
      <c r="G1365">
        <v>3</v>
      </c>
      <c r="H1365">
        <v>0</v>
      </c>
      <c r="I1365">
        <v>1</v>
      </c>
      <c r="J1365">
        <v>0</v>
      </c>
      <c r="K1365">
        <v>1144176</v>
      </c>
      <c r="L1365">
        <v>1144177</v>
      </c>
      <c r="M1365">
        <v>103</v>
      </c>
      <c r="N1365" t="s">
        <v>15</v>
      </c>
      <c r="O1365" s="1">
        <v>44884.839583333334</v>
      </c>
      <c r="P1365" s="1">
        <v>44884.839583333334</v>
      </c>
    </row>
    <row r="1366" spans="1:16" x14ac:dyDescent="0.4">
      <c r="A1366">
        <v>4695</v>
      </c>
      <c r="B1366">
        <v>269704</v>
      </c>
      <c r="C1366" s="1">
        <v>44888</v>
      </c>
      <c r="D1366">
        <v>158</v>
      </c>
      <c r="E1366">
        <v>117</v>
      </c>
      <c r="F1366" t="s">
        <v>20</v>
      </c>
      <c r="G1366">
        <v>1</v>
      </c>
      <c r="H1366">
        <v>550</v>
      </c>
      <c r="I1366">
        <v>1</v>
      </c>
      <c r="J1366">
        <v>0</v>
      </c>
      <c r="K1366">
        <v>1145037</v>
      </c>
      <c r="L1366">
        <v>1145038</v>
      </c>
      <c r="M1366">
        <v>112</v>
      </c>
      <c r="N1366" t="s">
        <v>246</v>
      </c>
      <c r="O1366" s="1">
        <v>44889.120833333334</v>
      </c>
      <c r="P1366" s="1">
        <v>44889.123611111114</v>
      </c>
    </row>
    <row r="1367" spans="1:16" x14ac:dyDescent="0.4">
      <c r="A1367">
        <v>4696</v>
      </c>
      <c r="B1367">
        <v>269733</v>
      </c>
      <c r="C1367" s="1">
        <v>44889</v>
      </c>
      <c r="D1367">
        <v>122</v>
      </c>
      <c r="E1367">
        <v>142</v>
      </c>
      <c r="F1367" t="s">
        <v>25</v>
      </c>
      <c r="G1367">
        <v>1</v>
      </c>
      <c r="H1367">
        <v>385</v>
      </c>
      <c r="I1367">
        <v>1</v>
      </c>
      <c r="J1367">
        <v>0</v>
      </c>
      <c r="K1367">
        <v>1145134</v>
      </c>
      <c r="L1367">
        <v>1145135</v>
      </c>
      <c r="M1367">
        <v>30</v>
      </c>
      <c r="N1367" t="s">
        <v>252</v>
      </c>
      <c r="O1367" s="1">
        <v>44889.96875</v>
      </c>
      <c r="P1367" s="1">
        <v>44889.970833333333</v>
      </c>
    </row>
    <row r="1368" spans="1:16" x14ac:dyDescent="0.4">
      <c r="A1368">
        <v>4697</v>
      </c>
      <c r="B1368">
        <v>269898</v>
      </c>
      <c r="C1368" s="1">
        <v>44892</v>
      </c>
      <c r="D1368">
        <v>290</v>
      </c>
      <c r="E1368">
        <v>1260</v>
      </c>
      <c r="F1368" t="s">
        <v>167</v>
      </c>
      <c r="G1368">
        <v>1</v>
      </c>
      <c r="H1368">
        <v>440</v>
      </c>
      <c r="I1368">
        <v>1</v>
      </c>
      <c r="J1368">
        <v>0</v>
      </c>
      <c r="K1368">
        <v>1145782</v>
      </c>
      <c r="L1368">
        <v>1145783</v>
      </c>
      <c r="M1368">
        <v>118</v>
      </c>
      <c r="N1368" t="s">
        <v>240</v>
      </c>
      <c r="O1368" s="1">
        <v>44892.549305555556</v>
      </c>
      <c r="P1368" s="1">
        <v>44892.574999999997</v>
      </c>
    </row>
    <row r="1369" spans="1:16" x14ac:dyDescent="0.4">
      <c r="A1369">
        <v>4698</v>
      </c>
      <c r="B1369">
        <v>270059</v>
      </c>
      <c r="C1369" s="1">
        <v>44895</v>
      </c>
      <c r="D1369">
        <v>323</v>
      </c>
      <c r="E1369">
        <v>1</v>
      </c>
      <c r="F1369" t="s">
        <v>233</v>
      </c>
      <c r="G1369">
        <v>3</v>
      </c>
      <c r="H1369">
        <v>440</v>
      </c>
      <c r="I1369">
        <v>1</v>
      </c>
      <c r="J1369">
        <v>0</v>
      </c>
      <c r="K1369">
        <v>1146300</v>
      </c>
      <c r="L1369">
        <v>1146301</v>
      </c>
      <c r="M1369">
        <v>118</v>
      </c>
      <c r="N1369" t="s">
        <v>240</v>
      </c>
      <c r="O1369" s="1">
        <v>44895.793055555558</v>
      </c>
      <c r="P1369" s="1">
        <v>44895.800694444442</v>
      </c>
    </row>
    <row r="1370" spans="1:16" x14ac:dyDescent="0.4">
      <c r="A1370">
        <v>4699</v>
      </c>
      <c r="B1370">
        <v>270059</v>
      </c>
      <c r="C1370" s="1">
        <v>44895</v>
      </c>
      <c r="D1370">
        <v>364</v>
      </c>
      <c r="E1370">
        <v>9</v>
      </c>
      <c r="F1370" t="s">
        <v>250</v>
      </c>
      <c r="G1370">
        <v>3</v>
      </c>
      <c r="H1370">
        <v>0</v>
      </c>
      <c r="I1370">
        <v>1</v>
      </c>
      <c r="J1370">
        <v>0</v>
      </c>
      <c r="K1370">
        <v>1146302</v>
      </c>
      <c r="L1370">
        <v>1146303</v>
      </c>
      <c r="M1370">
        <v>118</v>
      </c>
      <c r="N1370" t="s">
        <v>240</v>
      </c>
      <c r="O1370" s="1">
        <v>44895.793055555558</v>
      </c>
      <c r="P1370" s="1">
        <v>44895.801388888889</v>
      </c>
    </row>
    <row r="1371" spans="1:16" x14ac:dyDescent="0.4">
      <c r="A1371">
        <v>4700</v>
      </c>
      <c r="B1371">
        <v>270059</v>
      </c>
      <c r="C1371" s="1">
        <v>44895</v>
      </c>
      <c r="D1371">
        <v>323</v>
      </c>
      <c r="E1371">
        <v>1</v>
      </c>
      <c r="F1371" t="s">
        <v>233</v>
      </c>
      <c r="G1371">
        <v>3</v>
      </c>
      <c r="H1371">
        <v>440</v>
      </c>
      <c r="I1371">
        <v>1</v>
      </c>
      <c r="J1371">
        <v>0</v>
      </c>
      <c r="K1371">
        <v>1146305</v>
      </c>
      <c r="L1371">
        <v>1146306</v>
      </c>
      <c r="M1371">
        <v>118</v>
      </c>
      <c r="N1371" t="s">
        <v>240</v>
      </c>
      <c r="O1371" s="1">
        <v>44895.802083333336</v>
      </c>
      <c r="P1371" s="1">
        <v>44895.802083333336</v>
      </c>
    </row>
    <row r="1372" spans="1:16" x14ac:dyDescent="0.4">
      <c r="A1372">
        <v>4701</v>
      </c>
      <c r="B1372">
        <v>270059</v>
      </c>
      <c r="C1372" s="1">
        <v>44895</v>
      </c>
      <c r="D1372">
        <v>364</v>
      </c>
      <c r="E1372">
        <v>9</v>
      </c>
      <c r="F1372" t="s">
        <v>250</v>
      </c>
      <c r="G1372">
        <v>3</v>
      </c>
      <c r="H1372">
        <v>0</v>
      </c>
      <c r="I1372">
        <v>1</v>
      </c>
      <c r="J1372">
        <v>0</v>
      </c>
      <c r="K1372">
        <v>1146307</v>
      </c>
      <c r="L1372">
        <v>1146308</v>
      </c>
      <c r="M1372">
        <v>118</v>
      </c>
      <c r="N1372" t="s">
        <v>240</v>
      </c>
      <c r="O1372" s="1">
        <v>44895.802083333336</v>
      </c>
      <c r="P1372" s="1">
        <v>44895.802083333336</v>
      </c>
    </row>
    <row r="1373" spans="1:16" x14ac:dyDescent="0.4">
      <c r="A1373">
        <v>4702</v>
      </c>
      <c r="B1373">
        <v>270512</v>
      </c>
      <c r="C1373" s="1">
        <v>44904</v>
      </c>
      <c r="D1373">
        <v>313</v>
      </c>
      <c r="E1373">
        <v>307</v>
      </c>
      <c r="F1373" t="s">
        <v>142</v>
      </c>
      <c r="G1373">
        <v>16</v>
      </c>
      <c r="H1373">
        <v>275</v>
      </c>
      <c r="I1373">
        <v>1</v>
      </c>
      <c r="J1373">
        <v>0</v>
      </c>
      <c r="K1373">
        <v>1147911</v>
      </c>
      <c r="L1373">
        <v>1147912</v>
      </c>
      <c r="M1373">
        <v>30</v>
      </c>
      <c r="N1373" t="s">
        <v>252</v>
      </c>
      <c r="O1373" s="1">
        <v>44904.845138888886</v>
      </c>
      <c r="P1373" s="1">
        <v>44904.845833333333</v>
      </c>
    </row>
    <row r="1374" spans="1:16" x14ac:dyDescent="0.4">
      <c r="A1374">
        <v>4425</v>
      </c>
      <c r="B1374">
        <v>236378</v>
      </c>
      <c r="C1374" s="1">
        <v>44116</v>
      </c>
      <c r="D1374">
        <v>300</v>
      </c>
      <c r="E1374">
        <v>1433</v>
      </c>
      <c r="F1374" t="s">
        <v>129</v>
      </c>
      <c r="G1374">
        <v>2</v>
      </c>
      <c r="H1374">
        <v>380</v>
      </c>
      <c r="I1374">
        <v>1</v>
      </c>
      <c r="J1374">
        <v>0</v>
      </c>
      <c r="K1374">
        <v>1024555</v>
      </c>
      <c r="L1374">
        <v>1024556</v>
      </c>
      <c r="M1374">
        <v>70</v>
      </c>
      <c r="N1374" t="s">
        <v>203</v>
      </c>
      <c r="O1374" s="1">
        <v>44117.140972222223</v>
      </c>
      <c r="P1374" s="1">
        <v>44117.165972222225</v>
      </c>
    </row>
    <row r="1375" spans="1:16" x14ac:dyDescent="0.4">
      <c r="A1375">
        <v>4703</v>
      </c>
      <c r="B1375">
        <v>270588</v>
      </c>
      <c r="C1375" s="1">
        <v>44905</v>
      </c>
      <c r="D1375">
        <v>159</v>
      </c>
      <c r="E1375">
        <v>118</v>
      </c>
      <c r="F1375" t="s">
        <v>95</v>
      </c>
      <c r="G1375">
        <v>4</v>
      </c>
      <c r="H1375">
        <v>550</v>
      </c>
      <c r="I1375">
        <v>1</v>
      </c>
      <c r="J1375">
        <v>0</v>
      </c>
      <c r="K1375">
        <v>1148201</v>
      </c>
      <c r="L1375">
        <v>1148202</v>
      </c>
      <c r="M1375">
        <v>30</v>
      </c>
      <c r="N1375" t="s">
        <v>252</v>
      </c>
      <c r="O1375" s="1">
        <v>44905.836805555555</v>
      </c>
      <c r="P1375" s="1">
        <v>44905.839583333334</v>
      </c>
    </row>
    <row r="1376" spans="1:16" x14ac:dyDescent="0.4">
      <c r="A1376">
        <v>4704</v>
      </c>
      <c r="B1376">
        <v>270592</v>
      </c>
      <c r="C1376" s="1">
        <v>44905</v>
      </c>
      <c r="D1376">
        <v>69</v>
      </c>
      <c r="E1376">
        <v>50</v>
      </c>
      <c r="F1376" t="s">
        <v>18</v>
      </c>
      <c r="G1376">
        <v>7</v>
      </c>
      <c r="H1376">
        <v>0</v>
      </c>
      <c r="I1376">
        <v>1</v>
      </c>
      <c r="J1376">
        <v>0</v>
      </c>
      <c r="K1376">
        <v>1148212</v>
      </c>
      <c r="L1376">
        <v>1148213</v>
      </c>
      <c r="M1376">
        <v>30</v>
      </c>
      <c r="N1376" t="s">
        <v>252</v>
      </c>
      <c r="O1376" s="1">
        <v>44905.852083333331</v>
      </c>
      <c r="P1376" s="1">
        <v>44905.854861111111</v>
      </c>
    </row>
    <row r="1377" spans="1:16" x14ac:dyDescent="0.4">
      <c r="A1377">
        <v>4705</v>
      </c>
      <c r="B1377">
        <v>270592</v>
      </c>
      <c r="C1377" s="1">
        <v>44905</v>
      </c>
      <c r="D1377">
        <v>288</v>
      </c>
      <c r="E1377">
        <v>221</v>
      </c>
      <c r="F1377" t="s">
        <v>253</v>
      </c>
      <c r="G1377">
        <v>7</v>
      </c>
      <c r="H1377">
        <v>0</v>
      </c>
      <c r="I1377">
        <v>1</v>
      </c>
      <c r="J1377">
        <v>0</v>
      </c>
      <c r="K1377">
        <v>1148214</v>
      </c>
      <c r="L1377">
        <v>1148215</v>
      </c>
      <c r="M1377">
        <v>30</v>
      </c>
      <c r="N1377" t="s">
        <v>252</v>
      </c>
      <c r="O1377" s="1">
        <v>44905.852083333331</v>
      </c>
      <c r="P1377" s="1">
        <v>44905.854861111111</v>
      </c>
    </row>
    <row r="1378" spans="1:16" x14ac:dyDescent="0.4">
      <c r="A1378">
        <v>4707</v>
      </c>
      <c r="B1378">
        <v>270986</v>
      </c>
      <c r="C1378" s="1">
        <v>44912</v>
      </c>
      <c r="D1378">
        <v>118</v>
      </c>
      <c r="E1378">
        <v>29</v>
      </c>
      <c r="F1378" t="s">
        <v>254</v>
      </c>
      <c r="G1378">
        <v>1</v>
      </c>
      <c r="H1378">
        <v>400</v>
      </c>
      <c r="I1378">
        <v>1</v>
      </c>
      <c r="J1378">
        <v>0</v>
      </c>
      <c r="K1378">
        <v>1149658</v>
      </c>
      <c r="L1378">
        <v>1149659</v>
      </c>
      <c r="M1378">
        <v>108</v>
      </c>
      <c r="N1378" t="s">
        <v>45</v>
      </c>
      <c r="O1378" s="1">
        <v>44912.898611111108</v>
      </c>
      <c r="P1378" s="1">
        <v>44912.898611111108</v>
      </c>
    </row>
    <row r="1379" spans="1:16" x14ac:dyDescent="0.4">
      <c r="A1379">
        <v>4708</v>
      </c>
      <c r="B1379">
        <v>270986</v>
      </c>
      <c r="C1379" s="1">
        <v>44912</v>
      </c>
      <c r="D1379">
        <v>118</v>
      </c>
      <c r="E1379">
        <v>29</v>
      </c>
      <c r="F1379" t="s">
        <v>254</v>
      </c>
      <c r="G1379">
        <v>1</v>
      </c>
      <c r="H1379">
        <v>400</v>
      </c>
      <c r="I1379">
        <v>1</v>
      </c>
      <c r="J1379">
        <v>0</v>
      </c>
      <c r="K1379">
        <v>1149729</v>
      </c>
      <c r="L1379">
        <v>1149730</v>
      </c>
      <c r="M1379">
        <v>108</v>
      </c>
      <c r="N1379" t="s">
        <v>45</v>
      </c>
      <c r="O1379" s="1">
        <v>44912.899305555555</v>
      </c>
      <c r="P1379" s="1">
        <v>44912.948611111111</v>
      </c>
    </row>
    <row r="1380" spans="1:16" x14ac:dyDescent="0.4">
      <c r="A1380">
        <v>4710</v>
      </c>
      <c r="B1380">
        <v>271102</v>
      </c>
      <c r="C1380" s="1">
        <v>44914</v>
      </c>
      <c r="D1380">
        <v>125</v>
      </c>
      <c r="E1380">
        <v>126</v>
      </c>
      <c r="F1380" t="s">
        <v>159</v>
      </c>
      <c r="G1380">
        <v>6</v>
      </c>
      <c r="H1380">
        <v>308</v>
      </c>
      <c r="I1380">
        <v>1</v>
      </c>
      <c r="J1380">
        <v>0</v>
      </c>
      <c r="K1380">
        <v>1150145</v>
      </c>
      <c r="L1380">
        <v>1150146</v>
      </c>
      <c r="M1380">
        <v>119</v>
      </c>
      <c r="N1380" t="s">
        <v>241</v>
      </c>
      <c r="O1380" s="1">
        <v>44914.662499999999</v>
      </c>
      <c r="P1380" s="1">
        <v>44914.736805555556</v>
      </c>
    </row>
    <row r="1381" spans="1:16" x14ac:dyDescent="0.4">
      <c r="A1381">
        <v>4711</v>
      </c>
      <c r="B1381">
        <v>271248</v>
      </c>
      <c r="C1381" s="1">
        <v>44917</v>
      </c>
      <c r="D1381">
        <v>75</v>
      </c>
      <c r="E1381">
        <v>56</v>
      </c>
      <c r="F1381" t="s">
        <v>49</v>
      </c>
      <c r="G1381">
        <v>10</v>
      </c>
      <c r="H1381">
        <v>440</v>
      </c>
      <c r="I1381">
        <v>1</v>
      </c>
      <c r="J1381">
        <v>0</v>
      </c>
      <c r="K1381">
        <v>1150649</v>
      </c>
      <c r="L1381">
        <v>1150650</v>
      </c>
      <c r="M1381">
        <v>94</v>
      </c>
      <c r="O1381" s="1">
        <v>44917.836805555555</v>
      </c>
      <c r="P1381" s="1">
        <v>44917.873611111114</v>
      </c>
    </row>
    <row r="1382" spans="1:16" x14ac:dyDescent="0.4">
      <c r="A1382">
        <v>4712</v>
      </c>
      <c r="B1382">
        <v>271248</v>
      </c>
      <c r="C1382" s="1">
        <v>44917</v>
      </c>
      <c r="D1382">
        <v>118</v>
      </c>
      <c r="E1382">
        <v>29</v>
      </c>
      <c r="F1382" t="s">
        <v>254</v>
      </c>
      <c r="G1382">
        <v>10</v>
      </c>
      <c r="H1382">
        <v>400</v>
      </c>
      <c r="I1382">
        <v>1</v>
      </c>
      <c r="J1382">
        <v>0</v>
      </c>
      <c r="K1382">
        <v>1150651</v>
      </c>
      <c r="L1382">
        <v>1150652</v>
      </c>
      <c r="M1382">
        <v>94</v>
      </c>
      <c r="O1382" s="1">
        <v>44917.836805555555</v>
      </c>
      <c r="P1382" s="1">
        <v>44917.876388888886</v>
      </c>
    </row>
    <row r="1383" spans="1:16" x14ac:dyDescent="0.4">
      <c r="A1383">
        <v>4713</v>
      </c>
      <c r="B1383">
        <v>271422</v>
      </c>
      <c r="C1383" s="1">
        <v>44920</v>
      </c>
      <c r="D1383">
        <v>280</v>
      </c>
      <c r="E1383">
        <v>1266</v>
      </c>
      <c r="F1383" t="s">
        <v>162</v>
      </c>
      <c r="G1383">
        <v>11</v>
      </c>
      <c r="H1383">
        <v>594</v>
      </c>
      <c r="I1383">
        <v>1</v>
      </c>
      <c r="J1383">
        <v>0</v>
      </c>
      <c r="K1383">
        <v>1151327</v>
      </c>
      <c r="L1383">
        <v>1151328</v>
      </c>
      <c r="M1383">
        <v>74</v>
      </c>
      <c r="N1383" t="s">
        <v>249</v>
      </c>
      <c r="O1383" s="1">
        <v>44920.460416666669</v>
      </c>
      <c r="P1383" s="1">
        <v>44920.615972222222</v>
      </c>
    </row>
    <row r="1384" spans="1:16" x14ac:dyDescent="0.4">
      <c r="A1384">
        <v>4714</v>
      </c>
      <c r="B1384">
        <v>271462</v>
      </c>
      <c r="C1384" s="1">
        <v>44920</v>
      </c>
      <c r="D1384">
        <v>125</v>
      </c>
      <c r="E1384">
        <v>126</v>
      </c>
      <c r="F1384" t="s">
        <v>159</v>
      </c>
      <c r="G1384">
        <v>6</v>
      </c>
      <c r="H1384">
        <v>308</v>
      </c>
      <c r="I1384">
        <v>1</v>
      </c>
      <c r="J1384">
        <v>0</v>
      </c>
      <c r="K1384">
        <v>1151408</v>
      </c>
      <c r="L1384">
        <v>1151409</v>
      </c>
      <c r="M1384">
        <v>115</v>
      </c>
      <c r="N1384" t="s">
        <v>239</v>
      </c>
      <c r="O1384" s="1">
        <v>44920.759722222225</v>
      </c>
      <c r="P1384" s="1">
        <v>44920.76666666667</v>
      </c>
    </row>
    <row r="1385" spans="1:16" x14ac:dyDescent="0.4">
      <c r="A1385">
        <v>4716</v>
      </c>
      <c r="B1385">
        <v>271692</v>
      </c>
      <c r="C1385" s="1">
        <v>44923</v>
      </c>
      <c r="D1385">
        <v>184</v>
      </c>
      <c r="E1385">
        <v>42</v>
      </c>
      <c r="F1385" t="s">
        <v>255</v>
      </c>
      <c r="G1385">
        <v>4</v>
      </c>
      <c r="H1385">
        <v>0</v>
      </c>
      <c r="I1385">
        <v>3</v>
      </c>
      <c r="J1385">
        <v>0</v>
      </c>
      <c r="K1385">
        <v>1152323</v>
      </c>
      <c r="L1385">
        <v>1152324</v>
      </c>
      <c r="M1385">
        <v>74</v>
      </c>
      <c r="N1385" t="s">
        <v>249</v>
      </c>
      <c r="O1385" s="1">
        <v>44924.04583333333</v>
      </c>
      <c r="P1385" s="1">
        <v>44924.04791666667</v>
      </c>
    </row>
    <row r="1386" spans="1:16" x14ac:dyDescent="0.4">
      <c r="A1386">
        <v>4717</v>
      </c>
      <c r="B1386">
        <v>271747</v>
      </c>
      <c r="C1386" s="1">
        <v>44924</v>
      </c>
      <c r="D1386">
        <v>375</v>
      </c>
      <c r="E1386">
        <v>13</v>
      </c>
      <c r="F1386" t="s">
        <v>190</v>
      </c>
      <c r="G1386">
        <v>4</v>
      </c>
      <c r="H1386">
        <v>528</v>
      </c>
      <c r="I1386">
        <v>1</v>
      </c>
      <c r="J1386">
        <v>0</v>
      </c>
      <c r="K1386">
        <v>1152548</v>
      </c>
      <c r="L1386">
        <v>1152549</v>
      </c>
      <c r="M1386">
        <v>108</v>
      </c>
      <c r="N1386" t="s">
        <v>45</v>
      </c>
      <c r="O1386" s="1">
        <v>44924.80972222222</v>
      </c>
      <c r="P1386" s="1">
        <v>44924.80972222222</v>
      </c>
    </row>
    <row r="1387" spans="1:16" x14ac:dyDescent="0.4">
      <c r="A1387">
        <v>4718</v>
      </c>
      <c r="B1387">
        <v>271749</v>
      </c>
      <c r="C1387" s="1">
        <v>44924</v>
      </c>
      <c r="D1387">
        <v>248</v>
      </c>
      <c r="E1387">
        <v>240</v>
      </c>
      <c r="F1387" t="s">
        <v>104</v>
      </c>
      <c r="G1387">
        <v>20</v>
      </c>
      <c r="H1387">
        <v>462</v>
      </c>
      <c r="I1387">
        <v>1</v>
      </c>
      <c r="J1387">
        <v>0</v>
      </c>
      <c r="K1387">
        <v>1152561</v>
      </c>
      <c r="L1387">
        <v>1152562</v>
      </c>
      <c r="M1387">
        <v>108</v>
      </c>
      <c r="N1387" t="s">
        <v>45</v>
      </c>
      <c r="O1387" s="1">
        <v>44924.813888888886</v>
      </c>
      <c r="P1387" s="1">
        <v>44924.831944444442</v>
      </c>
    </row>
    <row r="1388" spans="1:16" x14ac:dyDescent="0.4">
      <c r="A1388">
        <v>4719</v>
      </c>
      <c r="B1388">
        <v>271749</v>
      </c>
      <c r="C1388" s="1">
        <v>44924</v>
      </c>
      <c r="D1388">
        <v>97</v>
      </c>
      <c r="E1388">
        <v>21</v>
      </c>
      <c r="F1388" t="s">
        <v>214</v>
      </c>
      <c r="G1388">
        <v>20</v>
      </c>
      <c r="H1388">
        <v>462</v>
      </c>
      <c r="I1388">
        <v>1</v>
      </c>
      <c r="J1388">
        <v>0</v>
      </c>
      <c r="K1388">
        <v>1152563</v>
      </c>
      <c r="L1388">
        <v>1152564</v>
      </c>
      <c r="M1388">
        <v>108</v>
      </c>
      <c r="N1388" t="s">
        <v>45</v>
      </c>
      <c r="O1388" s="1">
        <v>44924.8125</v>
      </c>
      <c r="P1388" s="1">
        <v>44924.831944444442</v>
      </c>
    </row>
    <row r="1389" spans="1:16" x14ac:dyDescent="0.4">
      <c r="A1389">
        <v>4720</v>
      </c>
      <c r="B1389">
        <v>271789</v>
      </c>
      <c r="C1389" s="1">
        <v>44924</v>
      </c>
      <c r="D1389">
        <v>97</v>
      </c>
      <c r="E1389">
        <v>21</v>
      </c>
      <c r="F1389" t="s">
        <v>214</v>
      </c>
      <c r="G1389">
        <v>2</v>
      </c>
      <c r="H1389">
        <v>462</v>
      </c>
      <c r="I1389">
        <v>1</v>
      </c>
      <c r="J1389">
        <v>0</v>
      </c>
      <c r="K1389">
        <v>1152774</v>
      </c>
      <c r="L1389">
        <v>1152775</v>
      </c>
      <c r="M1389">
        <v>108</v>
      </c>
      <c r="N1389" t="s">
        <v>45</v>
      </c>
      <c r="O1389" s="1">
        <v>44925.103472222225</v>
      </c>
      <c r="P1389" s="1">
        <v>44925.104166666664</v>
      </c>
    </row>
    <row r="1390" spans="1:16" x14ac:dyDescent="0.4">
      <c r="A1390">
        <v>4721</v>
      </c>
      <c r="B1390">
        <v>271791</v>
      </c>
      <c r="C1390" s="1">
        <v>44925</v>
      </c>
      <c r="D1390">
        <v>96</v>
      </c>
      <c r="E1390">
        <v>20</v>
      </c>
      <c r="F1390" t="s">
        <v>63</v>
      </c>
      <c r="G1390">
        <v>1</v>
      </c>
      <c r="H1390">
        <v>462</v>
      </c>
      <c r="I1390">
        <v>1</v>
      </c>
      <c r="J1390">
        <v>0</v>
      </c>
      <c r="K1390">
        <v>1152814</v>
      </c>
      <c r="L1390">
        <v>1152815</v>
      </c>
      <c r="M1390">
        <v>29</v>
      </c>
      <c r="N1390" t="s">
        <v>247</v>
      </c>
      <c r="O1390" s="1">
        <v>44925.415972222225</v>
      </c>
      <c r="P1390" s="1">
        <v>44925.415972222225</v>
      </c>
    </row>
    <row r="1391" spans="1:16" x14ac:dyDescent="0.4">
      <c r="A1391">
        <v>4722</v>
      </c>
      <c r="B1391">
        <v>271936</v>
      </c>
      <c r="C1391" s="1">
        <v>44927</v>
      </c>
      <c r="D1391">
        <v>126</v>
      </c>
      <c r="E1391">
        <v>138</v>
      </c>
      <c r="F1391" t="s">
        <v>181</v>
      </c>
      <c r="G1391">
        <v>8</v>
      </c>
      <c r="H1391">
        <v>418</v>
      </c>
      <c r="I1391">
        <v>1</v>
      </c>
      <c r="J1391">
        <v>0</v>
      </c>
      <c r="K1391">
        <v>1153346</v>
      </c>
      <c r="L1391">
        <v>1153347</v>
      </c>
      <c r="M1391">
        <v>103</v>
      </c>
      <c r="N1391" t="s">
        <v>15</v>
      </c>
      <c r="O1391" s="1">
        <v>44927.614583333336</v>
      </c>
      <c r="P1391" s="1">
        <v>44927.625694444447</v>
      </c>
    </row>
    <row r="1392" spans="1:16" x14ac:dyDescent="0.4">
      <c r="A1392">
        <v>4723</v>
      </c>
      <c r="B1392">
        <v>272010</v>
      </c>
      <c r="C1392" s="1">
        <v>44928</v>
      </c>
      <c r="D1392">
        <v>402</v>
      </c>
      <c r="E1392">
        <v>8</v>
      </c>
      <c r="F1392" t="s">
        <v>256</v>
      </c>
      <c r="G1392">
        <v>18</v>
      </c>
      <c r="H1392">
        <v>600</v>
      </c>
      <c r="I1392">
        <v>2</v>
      </c>
      <c r="J1392">
        <v>0</v>
      </c>
      <c r="K1392">
        <v>1153667</v>
      </c>
      <c r="L1392">
        <v>1153668</v>
      </c>
      <c r="M1392">
        <v>108</v>
      </c>
      <c r="N1392" t="s">
        <v>45</v>
      </c>
      <c r="O1392" s="1">
        <v>44928.981249999997</v>
      </c>
      <c r="P1392" s="1">
        <v>44929.129166666666</v>
      </c>
    </row>
    <row r="1393" spans="1:16" x14ac:dyDescent="0.4">
      <c r="A1393">
        <v>4724</v>
      </c>
      <c r="B1393">
        <v>272303</v>
      </c>
      <c r="C1393" s="1">
        <v>44933</v>
      </c>
      <c r="D1393">
        <v>96</v>
      </c>
      <c r="E1393">
        <v>20</v>
      </c>
      <c r="F1393" t="s">
        <v>63</v>
      </c>
      <c r="G1393">
        <v>1</v>
      </c>
      <c r="H1393">
        <v>462</v>
      </c>
      <c r="I1393">
        <v>1</v>
      </c>
      <c r="J1393">
        <v>0</v>
      </c>
      <c r="K1393">
        <v>1154751</v>
      </c>
      <c r="L1393">
        <v>1154752</v>
      </c>
      <c r="M1393">
        <v>36</v>
      </c>
      <c r="O1393" s="1">
        <v>44933.419444444444</v>
      </c>
      <c r="P1393" s="1">
        <v>44933.429166666669</v>
      </c>
    </row>
    <row r="1394" spans="1:16" x14ac:dyDescent="0.4">
      <c r="A1394">
        <v>4725</v>
      </c>
      <c r="B1394">
        <v>272303</v>
      </c>
      <c r="C1394" s="1">
        <v>44933</v>
      </c>
      <c r="D1394">
        <v>96</v>
      </c>
      <c r="E1394">
        <v>20</v>
      </c>
      <c r="F1394" t="s">
        <v>63</v>
      </c>
      <c r="G1394">
        <v>1</v>
      </c>
      <c r="H1394">
        <v>462</v>
      </c>
      <c r="I1394">
        <v>1</v>
      </c>
      <c r="J1394">
        <v>0</v>
      </c>
      <c r="K1394">
        <v>1154753</v>
      </c>
      <c r="L1394">
        <v>1154754</v>
      </c>
      <c r="M1394">
        <v>36</v>
      </c>
      <c r="O1394" s="1">
        <v>44933.419444444444</v>
      </c>
      <c r="P1394" s="1">
        <v>44933.429166666669</v>
      </c>
    </row>
    <row r="1395" spans="1:16" x14ac:dyDescent="0.4">
      <c r="A1395">
        <v>4726</v>
      </c>
      <c r="B1395">
        <v>272303</v>
      </c>
      <c r="C1395" s="1">
        <v>44933</v>
      </c>
      <c r="D1395">
        <v>96</v>
      </c>
      <c r="E1395">
        <v>20</v>
      </c>
      <c r="F1395" t="s">
        <v>63</v>
      </c>
      <c r="G1395">
        <v>1</v>
      </c>
      <c r="H1395">
        <v>462</v>
      </c>
      <c r="I1395">
        <v>1</v>
      </c>
      <c r="J1395">
        <v>0</v>
      </c>
      <c r="K1395">
        <v>1154755</v>
      </c>
      <c r="L1395">
        <v>1154756</v>
      </c>
      <c r="M1395">
        <v>36</v>
      </c>
      <c r="O1395" s="1">
        <v>44933.419444444444</v>
      </c>
      <c r="P1395" s="1">
        <v>44933.429861111108</v>
      </c>
    </row>
    <row r="1396" spans="1:16" x14ac:dyDescent="0.4">
      <c r="A1396">
        <v>4727</v>
      </c>
      <c r="B1396">
        <v>272462</v>
      </c>
      <c r="C1396" s="1">
        <v>44934</v>
      </c>
      <c r="D1396">
        <v>57</v>
      </c>
      <c r="E1396">
        <v>30</v>
      </c>
      <c r="F1396" t="s">
        <v>227</v>
      </c>
      <c r="G1396">
        <v>8</v>
      </c>
      <c r="H1396">
        <v>352</v>
      </c>
      <c r="I1396">
        <v>1</v>
      </c>
      <c r="J1396">
        <v>0</v>
      </c>
      <c r="K1396">
        <v>1155339</v>
      </c>
      <c r="L1396">
        <v>1155340</v>
      </c>
      <c r="M1396">
        <v>108</v>
      </c>
      <c r="N1396" t="s">
        <v>45</v>
      </c>
      <c r="O1396" s="1">
        <v>44935.008333333331</v>
      </c>
      <c r="P1396" s="1">
        <v>44935.071527777778</v>
      </c>
    </row>
    <row r="1397" spans="1:16" x14ac:dyDescent="0.4">
      <c r="A1397">
        <v>4728</v>
      </c>
      <c r="B1397">
        <v>272608</v>
      </c>
      <c r="C1397" s="1">
        <v>44937</v>
      </c>
      <c r="D1397">
        <v>103</v>
      </c>
      <c r="E1397">
        <v>27</v>
      </c>
      <c r="F1397" t="s">
        <v>245</v>
      </c>
      <c r="G1397">
        <v>7</v>
      </c>
      <c r="H1397">
        <v>1815</v>
      </c>
      <c r="I1397">
        <v>1</v>
      </c>
      <c r="J1397">
        <v>0</v>
      </c>
      <c r="K1397">
        <v>1155841</v>
      </c>
      <c r="L1397">
        <v>1155842</v>
      </c>
      <c r="M1397">
        <v>35</v>
      </c>
      <c r="O1397" s="1">
        <v>44937.686805555553</v>
      </c>
      <c r="P1397" s="1">
        <v>44937.697222222225</v>
      </c>
    </row>
    <row r="1398" spans="1:16" x14ac:dyDescent="0.4">
      <c r="A1398">
        <v>4729</v>
      </c>
      <c r="B1398">
        <v>272705</v>
      </c>
      <c r="C1398" s="1">
        <v>44939</v>
      </c>
      <c r="D1398">
        <v>323</v>
      </c>
      <c r="E1398">
        <v>1</v>
      </c>
      <c r="F1398" t="s">
        <v>233</v>
      </c>
      <c r="G1398">
        <v>1</v>
      </c>
      <c r="H1398">
        <v>440</v>
      </c>
      <c r="I1398">
        <v>1</v>
      </c>
      <c r="J1398">
        <v>0</v>
      </c>
      <c r="K1398">
        <v>1156178</v>
      </c>
      <c r="L1398">
        <v>1156179</v>
      </c>
      <c r="M1398">
        <v>108</v>
      </c>
      <c r="N1398" t="s">
        <v>45</v>
      </c>
      <c r="O1398" s="1">
        <v>44939.830555555556</v>
      </c>
      <c r="P1398" s="1">
        <v>44939.884027777778</v>
      </c>
    </row>
    <row r="1399" spans="1:16" x14ac:dyDescent="0.4">
      <c r="A1399">
        <v>4730</v>
      </c>
      <c r="B1399">
        <v>272881</v>
      </c>
      <c r="C1399" s="1">
        <v>44942</v>
      </c>
      <c r="D1399">
        <v>105</v>
      </c>
      <c r="E1399">
        <v>86</v>
      </c>
      <c r="F1399" t="s">
        <v>230</v>
      </c>
      <c r="G1399">
        <v>9</v>
      </c>
      <c r="H1399">
        <v>1980</v>
      </c>
      <c r="I1399">
        <v>1</v>
      </c>
      <c r="J1399">
        <v>0</v>
      </c>
      <c r="K1399">
        <v>1156823</v>
      </c>
      <c r="L1399">
        <v>1156824</v>
      </c>
      <c r="M1399">
        <v>119</v>
      </c>
      <c r="N1399" t="s">
        <v>241</v>
      </c>
      <c r="O1399" s="1">
        <v>44942.581250000003</v>
      </c>
      <c r="P1399" s="1">
        <v>44942.587500000001</v>
      </c>
    </row>
    <row r="1400" spans="1:16" x14ac:dyDescent="0.4">
      <c r="A1400">
        <v>4733</v>
      </c>
      <c r="B1400">
        <v>273189</v>
      </c>
      <c r="C1400" s="1">
        <v>44947</v>
      </c>
      <c r="D1400">
        <v>192</v>
      </c>
      <c r="E1400">
        <v>222</v>
      </c>
      <c r="F1400" t="s">
        <v>228</v>
      </c>
      <c r="G1400">
        <v>8</v>
      </c>
      <c r="H1400">
        <v>352</v>
      </c>
      <c r="I1400">
        <v>1</v>
      </c>
      <c r="J1400">
        <v>0</v>
      </c>
      <c r="K1400">
        <v>1157941</v>
      </c>
      <c r="L1400">
        <v>1157942</v>
      </c>
      <c r="M1400">
        <v>35</v>
      </c>
      <c r="N1400" t="s">
        <v>257</v>
      </c>
      <c r="O1400" s="1">
        <v>44947.824999999997</v>
      </c>
      <c r="P1400" s="1">
        <v>44947.941666666666</v>
      </c>
    </row>
    <row r="1401" spans="1:16" x14ac:dyDescent="0.4">
      <c r="A1401">
        <v>4734</v>
      </c>
      <c r="B1401">
        <v>273189</v>
      </c>
      <c r="C1401" s="1">
        <v>44947</v>
      </c>
      <c r="D1401">
        <v>77</v>
      </c>
      <c r="E1401">
        <v>58</v>
      </c>
      <c r="F1401" t="s">
        <v>112</v>
      </c>
      <c r="G1401">
        <v>8</v>
      </c>
      <c r="H1401">
        <v>440</v>
      </c>
      <c r="I1401">
        <v>1</v>
      </c>
      <c r="J1401">
        <v>0</v>
      </c>
      <c r="K1401">
        <v>1157943</v>
      </c>
      <c r="L1401">
        <v>1157944</v>
      </c>
      <c r="M1401">
        <v>35</v>
      </c>
      <c r="N1401" t="s">
        <v>257</v>
      </c>
      <c r="O1401" s="1">
        <v>44947.824999999997</v>
      </c>
      <c r="P1401" s="1">
        <v>44947.942361111112</v>
      </c>
    </row>
    <row r="1402" spans="1:16" x14ac:dyDescent="0.4">
      <c r="A1402">
        <v>4735</v>
      </c>
      <c r="B1402">
        <v>273189</v>
      </c>
      <c r="C1402" s="1">
        <v>44947</v>
      </c>
      <c r="D1402">
        <v>192</v>
      </c>
      <c r="E1402">
        <v>222</v>
      </c>
      <c r="F1402" t="s">
        <v>228</v>
      </c>
      <c r="G1402">
        <v>8</v>
      </c>
      <c r="H1402">
        <v>352</v>
      </c>
      <c r="I1402">
        <v>1</v>
      </c>
      <c r="J1402">
        <v>0</v>
      </c>
      <c r="K1402">
        <v>1157945</v>
      </c>
      <c r="L1402">
        <v>1157946</v>
      </c>
      <c r="M1402">
        <v>35</v>
      </c>
      <c r="N1402" t="s">
        <v>257</v>
      </c>
      <c r="O1402" s="1">
        <v>44947.855555555558</v>
      </c>
      <c r="P1402" s="1">
        <v>44947.942361111112</v>
      </c>
    </row>
    <row r="1403" spans="1:16" x14ac:dyDescent="0.4">
      <c r="A1403">
        <v>4736</v>
      </c>
      <c r="B1403">
        <v>273189</v>
      </c>
      <c r="C1403" s="1">
        <v>44947</v>
      </c>
      <c r="D1403">
        <v>202</v>
      </c>
      <c r="E1403">
        <v>68</v>
      </c>
      <c r="F1403" t="s">
        <v>258</v>
      </c>
      <c r="G1403">
        <v>8</v>
      </c>
      <c r="H1403">
        <v>440</v>
      </c>
      <c r="I1403">
        <v>1</v>
      </c>
      <c r="J1403">
        <v>0</v>
      </c>
      <c r="K1403">
        <v>1157947</v>
      </c>
      <c r="L1403">
        <v>1157948</v>
      </c>
      <c r="M1403">
        <v>35</v>
      </c>
      <c r="N1403" t="s">
        <v>257</v>
      </c>
      <c r="O1403" s="1">
        <v>44947.925000000003</v>
      </c>
      <c r="P1403" s="1">
        <v>44947.942361111112</v>
      </c>
    </row>
    <row r="1404" spans="1:16" x14ac:dyDescent="0.4">
      <c r="A1404">
        <v>4737</v>
      </c>
      <c r="B1404">
        <v>273189</v>
      </c>
      <c r="C1404" s="1">
        <v>44947</v>
      </c>
      <c r="D1404">
        <v>290</v>
      </c>
      <c r="E1404">
        <v>1260</v>
      </c>
      <c r="F1404" t="s">
        <v>167</v>
      </c>
      <c r="G1404">
        <v>8</v>
      </c>
      <c r="H1404">
        <v>440</v>
      </c>
      <c r="I1404">
        <v>1</v>
      </c>
      <c r="J1404">
        <v>0</v>
      </c>
      <c r="K1404">
        <v>1157949</v>
      </c>
      <c r="L1404">
        <v>1157950</v>
      </c>
      <c r="M1404">
        <v>35</v>
      </c>
      <c r="N1404" t="s">
        <v>257</v>
      </c>
      <c r="O1404" s="1">
        <v>44947.82708333333</v>
      </c>
      <c r="P1404" s="1">
        <v>44947.942361111112</v>
      </c>
    </row>
    <row r="1405" spans="1:16" x14ac:dyDescent="0.4">
      <c r="A1405">
        <v>4738</v>
      </c>
      <c r="B1405">
        <v>273189</v>
      </c>
      <c r="C1405" s="1">
        <v>44947</v>
      </c>
      <c r="D1405">
        <v>77</v>
      </c>
      <c r="E1405">
        <v>58</v>
      </c>
      <c r="F1405" t="s">
        <v>112</v>
      </c>
      <c r="G1405">
        <v>8</v>
      </c>
      <c r="H1405">
        <v>440</v>
      </c>
      <c r="I1405">
        <v>1</v>
      </c>
      <c r="J1405">
        <v>0</v>
      </c>
      <c r="K1405">
        <v>1157951</v>
      </c>
      <c r="L1405">
        <v>1157952</v>
      </c>
      <c r="M1405">
        <v>35</v>
      </c>
      <c r="N1405" t="s">
        <v>257</v>
      </c>
      <c r="O1405" s="1">
        <v>44947.855555555558</v>
      </c>
      <c r="P1405" s="1">
        <v>44947.942361111112</v>
      </c>
    </row>
    <row r="1406" spans="1:16" x14ac:dyDescent="0.4">
      <c r="A1406">
        <v>4739</v>
      </c>
      <c r="B1406">
        <v>273189</v>
      </c>
      <c r="C1406" s="1">
        <v>44947</v>
      </c>
      <c r="D1406">
        <v>202</v>
      </c>
      <c r="E1406">
        <v>68</v>
      </c>
      <c r="F1406" t="s">
        <v>258</v>
      </c>
      <c r="G1406">
        <v>8</v>
      </c>
      <c r="H1406">
        <v>440</v>
      </c>
      <c r="I1406">
        <v>1</v>
      </c>
      <c r="J1406">
        <v>0</v>
      </c>
      <c r="K1406">
        <v>1157953</v>
      </c>
      <c r="L1406">
        <v>1157954</v>
      </c>
      <c r="M1406">
        <v>35</v>
      </c>
      <c r="N1406" t="s">
        <v>257</v>
      </c>
      <c r="O1406" s="1">
        <v>44947.92291666667</v>
      </c>
      <c r="P1406" s="1">
        <v>44947.942361111112</v>
      </c>
    </row>
    <row r="1407" spans="1:16" x14ac:dyDescent="0.4">
      <c r="A1407">
        <v>4740</v>
      </c>
      <c r="B1407">
        <v>273312</v>
      </c>
      <c r="C1407" s="1">
        <v>44949</v>
      </c>
      <c r="D1407">
        <v>304</v>
      </c>
      <c r="E1407">
        <v>3126</v>
      </c>
      <c r="F1407" t="s">
        <v>176</v>
      </c>
      <c r="G1407">
        <v>11</v>
      </c>
      <c r="H1407">
        <v>0</v>
      </c>
      <c r="I1407">
        <v>1</v>
      </c>
      <c r="J1407">
        <v>0</v>
      </c>
      <c r="K1407">
        <v>1158393</v>
      </c>
      <c r="L1407">
        <v>1158394</v>
      </c>
      <c r="M1407">
        <v>102</v>
      </c>
      <c r="N1407" t="s">
        <v>238</v>
      </c>
      <c r="O1407" s="1">
        <v>44949.821527777778</v>
      </c>
      <c r="P1407" s="1">
        <v>44949.827777777777</v>
      </c>
    </row>
    <row r="1408" spans="1:16" x14ac:dyDescent="0.4">
      <c r="A1408">
        <v>4741</v>
      </c>
      <c r="B1408">
        <v>273495</v>
      </c>
      <c r="C1408" s="1">
        <v>44953</v>
      </c>
      <c r="D1408">
        <v>69</v>
      </c>
      <c r="E1408">
        <v>50</v>
      </c>
      <c r="F1408" t="s">
        <v>18</v>
      </c>
      <c r="G1408">
        <v>7</v>
      </c>
      <c r="H1408">
        <v>0</v>
      </c>
      <c r="I1408">
        <v>1</v>
      </c>
      <c r="J1408">
        <v>0</v>
      </c>
      <c r="K1408">
        <v>1159015</v>
      </c>
      <c r="L1408">
        <v>1159016</v>
      </c>
      <c r="M1408">
        <v>108</v>
      </c>
      <c r="N1408" t="s">
        <v>45</v>
      </c>
      <c r="O1408" s="1">
        <v>44953.90625</v>
      </c>
      <c r="P1408" s="1">
        <v>44953.933333333334</v>
      </c>
    </row>
    <row r="1409" spans="1:16" x14ac:dyDescent="0.4">
      <c r="A1409">
        <v>4742</v>
      </c>
      <c r="B1409">
        <v>274027</v>
      </c>
      <c r="C1409" s="1">
        <v>44962</v>
      </c>
      <c r="D1409">
        <v>97</v>
      </c>
      <c r="E1409">
        <v>21</v>
      </c>
      <c r="F1409" t="s">
        <v>214</v>
      </c>
      <c r="G1409">
        <v>13</v>
      </c>
      <c r="H1409">
        <v>462</v>
      </c>
      <c r="I1409">
        <v>1</v>
      </c>
      <c r="J1409">
        <v>0</v>
      </c>
      <c r="K1409">
        <v>1160903</v>
      </c>
      <c r="L1409">
        <v>1160904</v>
      </c>
      <c r="M1409">
        <v>118</v>
      </c>
      <c r="N1409" t="s">
        <v>240</v>
      </c>
      <c r="O1409" s="1">
        <v>44962.724305555559</v>
      </c>
      <c r="P1409" s="1">
        <v>44962.736111111109</v>
      </c>
    </row>
    <row r="1410" spans="1:16" x14ac:dyDescent="0.4">
      <c r="A1410">
        <v>4743</v>
      </c>
      <c r="B1410">
        <v>274027</v>
      </c>
      <c r="C1410" s="1">
        <v>44962</v>
      </c>
      <c r="D1410">
        <v>287</v>
      </c>
      <c r="E1410">
        <v>22</v>
      </c>
      <c r="F1410" t="s">
        <v>224</v>
      </c>
      <c r="G1410">
        <v>13</v>
      </c>
      <c r="H1410">
        <v>385</v>
      </c>
      <c r="I1410">
        <v>1</v>
      </c>
      <c r="J1410">
        <v>0</v>
      </c>
      <c r="K1410">
        <v>1160905</v>
      </c>
      <c r="L1410">
        <v>1160906</v>
      </c>
      <c r="M1410">
        <v>118</v>
      </c>
      <c r="N1410" t="s">
        <v>240</v>
      </c>
      <c r="O1410" s="1">
        <v>44962.724305555559</v>
      </c>
      <c r="P1410" s="1">
        <v>44962.736111111109</v>
      </c>
    </row>
    <row r="1411" spans="1:16" x14ac:dyDescent="0.4">
      <c r="A1411">
        <v>4744</v>
      </c>
      <c r="B1411">
        <v>274027</v>
      </c>
      <c r="C1411" s="1">
        <v>44962</v>
      </c>
      <c r="D1411">
        <v>287</v>
      </c>
      <c r="E1411">
        <v>22</v>
      </c>
      <c r="F1411" t="s">
        <v>224</v>
      </c>
      <c r="G1411">
        <v>13</v>
      </c>
      <c r="H1411">
        <v>385</v>
      </c>
      <c r="I1411">
        <v>1</v>
      </c>
      <c r="J1411">
        <v>0</v>
      </c>
      <c r="K1411">
        <v>1160907</v>
      </c>
      <c r="L1411">
        <v>1160908</v>
      </c>
      <c r="M1411">
        <v>118</v>
      </c>
      <c r="N1411" t="s">
        <v>240</v>
      </c>
      <c r="O1411" s="1">
        <v>44962.724305555559</v>
      </c>
      <c r="P1411" s="1">
        <v>44962.736111111109</v>
      </c>
    </row>
    <row r="1412" spans="1:16" x14ac:dyDescent="0.4">
      <c r="A1412">
        <v>4745</v>
      </c>
      <c r="B1412">
        <v>274027</v>
      </c>
      <c r="C1412" s="1">
        <v>44962</v>
      </c>
      <c r="D1412">
        <v>125</v>
      </c>
      <c r="E1412">
        <v>126</v>
      </c>
      <c r="F1412" t="s">
        <v>159</v>
      </c>
      <c r="G1412">
        <v>13</v>
      </c>
      <c r="H1412">
        <v>308</v>
      </c>
      <c r="I1412">
        <v>1</v>
      </c>
      <c r="J1412">
        <v>0</v>
      </c>
      <c r="K1412">
        <v>1160909</v>
      </c>
      <c r="L1412">
        <v>1160910</v>
      </c>
      <c r="M1412">
        <v>118</v>
      </c>
      <c r="N1412" t="s">
        <v>240</v>
      </c>
      <c r="O1412" s="1">
        <v>44962.724305555559</v>
      </c>
      <c r="P1412" s="1">
        <v>44962.736111111109</v>
      </c>
    </row>
    <row r="1413" spans="1:16" x14ac:dyDescent="0.4">
      <c r="A1413">
        <v>4746</v>
      </c>
      <c r="B1413">
        <v>274631</v>
      </c>
      <c r="C1413" s="1">
        <v>44973</v>
      </c>
      <c r="D1413">
        <v>186</v>
      </c>
      <c r="E1413">
        <v>225</v>
      </c>
      <c r="F1413" t="s">
        <v>212</v>
      </c>
      <c r="G1413">
        <v>12</v>
      </c>
      <c r="H1413">
        <v>385</v>
      </c>
      <c r="I1413">
        <v>1</v>
      </c>
      <c r="J1413">
        <v>0</v>
      </c>
      <c r="K1413">
        <v>1163046</v>
      </c>
      <c r="L1413">
        <v>1163047</v>
      </c>
      <c r="M1413">
        <v>35</v>
      </c>
      <c r="N1413" t="s">
        <v>257</v>
      </c>
      <c r="O1413" s="1">
        <v>44973.84652777778</v>
      </c>
      <c r="P1413" s="1">
        <v>44973.884027777778</v>
      </c>
    </row>
    <row r="1414" spans="1:16" x14ac:dyDescent="0.4">
      <c r="A1414">
        <v>4747</v>
      </c>
      <c r="B1414">
        <v>274631</v>
      </c>
      <c r="C1414" s="1">
        <v>44973</v>
      </c>
      <c r="D1414">
        <v>186</v>
      </c>
      <c r="E1414">
        <v>225</v>
      </c>
      <c r="F1414" t="s">
        <v>212</v>
      </c>
      <c r="G1414">
        <v>12</v>
      </c>
      <c r="H1414">
        <v>385</v>
      </c>
      <c r="I1414">
        <v>1</v>
      </c>
      <c r="J1414">
        <v>0</v>
      </c>
      <c r="K1414">
        <v>1163048</v>
      </c>
      <c r="L1414">
        <v>1163049</v>
      </c>
      <c r="M1414">
        <v>35</v>
      </c>
      <c r="N1414" t="s">
        <v>257</v>
      </c>
      <c r="O1414" s="1">
        <v>44973.881944444445</v>
      </c>
      <c r="P1414" s="1">
        <v>44973.884027777778</v>
      </c>
    </row>
    <row r="1415" spans="1:16" x14ac:dyDescent="0.4">
      <c r="A1415">
        <v>4748</v>
      </c>
      <c r="B1415">
        <v>274698</v>
      </c>
      <c r="C1415" s="1">
        <v>44974</v>
      </c>
      <c r="D1415">
        <v>147</v>
      </c>
      <c r="E1415">
        <v>1131</v>
      </c>
      <c r="F1415" t="s">
        <v>21</v>
      </c>
      <c r="G1415">
        <v>5</v>
      </c>
      <c r="H1415">
        <v>495</v>
      </c>
      <c r="I1415">
        <v>1</v>
      </c>
      <c r="J1415">
        <v>0</v>
      </c>
      <c r="K1415">
        <v>1163309</v>
      </c>
      <c r="L1415">
        <v>1163310</v>
      </c>
      <c r="M1415">
        <v>119</v>
      </c>
      <c r="N1415" t="s">
        <v>241</v>
      </c>
      <c r="O1415" s="1">
        <v>44975.061805555553</v>
      </c>
      <c r="P1415" s="1">
        <v>44975.070833333331</v>
      </c>
    </row>
    <row r="1416" spans="1:16" x14ac:dyDescent="0.4">
      <c r="A1416">
        <v>4749</v>
      </c>
      <c r="B1416">
        <v>274777</v>
      </c>
      <c r="C1416" s="1">
        <v>44975</v>
      </c>
      <c r="D1416">
        <v>121</v>
      </c>
      <c r="E1416">
        <v>139</v>
      </c>
      <c r="F1416" t="s">
        <v>164</v>
      </c>
      <c r="G1416">
        <v>5</v>
      </c>
      <c r="H1416">
        <v>308</v>
      </c>
      <c r="I1416">
        <v>1</v>
      </c>
      <c r="J1416">
        <v>0</v>
      </c>
      <c r="K1416">
        <v>1163632</v>
      </c>
      <c r="L1416">
        <v>1163633</v>
      </c>
      <c r="M1416">
        <v>95</v>
      </c>
      <c r="N1416" t="s">
        <v>68</v>
      </c>
      <c r="O1416" s="1">
        <v>44976.063888888886</v>
      </c>
      <c r="P1416" s="1">
        <v>44976.065972222219</v>
      </c>
    </row>
    <row r="1417" spans="1:16" x14ac:dyDescent="0.4">
      <c r="A1417">
        <v>4750</v>
      </c>
      <c r="B1417">
        <v>274967</v>
      </c>
      <c r="C1417" s="1">
        <v>44978</v>
      </c>
      <c r="D1417">
        <v>157</v>
      </c>
      <c r="E1417">
        <v>113</v>
      </c>
      <c r="F1417" t="s">
        <v>59</v>
      </c>
      <c r="G1417">
        <v>1</v>
      </c>
      <c r="H1417">
        <v>605</v>
      </c>
      <c r="I1417">
        <v>1</v>
      </c>
      <c r="J1417">
        <v>0</v>
      </c>
      <c r="K1417">
        <v>1164264</v>
      </c>
      <c r="L1417">
        <v>1164265</v>
      </c>
      <c r="M1417">
        <v>95</v>
      </c>
      <c r="N1417" t="s">
        <v>68</v>
      </c>
      <c r="O1417" s="1">
        <v>44978.896527777775</v>
      </c>
      <c r="P1417" s="1">
        <v>44978.899305555555</v>
      </c>
    </row>
    <row r="1418" spans="1:16" x14ac:dyDescent="0.4">
      <c r="A1418">
        <v>4751</v>
      </c>
      <c r="B1418">
        <v>275071</v>
      </c>
      <c r="C1418" s="1">
        <v>44980</v>
      </c>
      <c r="D1418">
        <v>125</v>
      </c>
      <c r="E1418">
        <v>126</v>
      </c>
      <c r="F1418" t="s">
        <v>159</v>
      </c>
      <c r="G1418">
        <v>13</v>
      </c>
      <c r="H1418">
        <v>308</v>
      </c>
      <c r="I1418">
        <v>1</v>
      </c>
      <c r="J1418">
        <v>0</v>
      </c>
      <c r="K1418">
        <v>1164682</v>
      </c>
      <c r="L1418">
        <v>1164683</v>
      </c>
      <c r="M1418">
        <v>103</v>
      </c>
      <c r="N1418" t="s">
        <v>15</v>
      </c>
      <c r="O1418" s="1">
        <v>44980.740277777775</v>
      </c>
      <c r="P1418" s="1">
        <v>44980.809027777781</v>
      </c>
    </row>
    <row r="1419" spans="1:16" x14ac:dyDescent="0.4">
      <c r="A1419">
        <v>4752</v>
      </c>
      <c r="B1419">
        <v>275165</v>
      </c>
      <c r="C1419" s="1">
        <v>44982</v>
      </c>
      <c r="D1419">
        <v>125</v>
      </c>
      <c r="E1419">
        <v>126</v>
      </c>
      <c r="F1419" t="s">
        <v>159</v>
      </c>
      <c r="G1419">
        <v>1</v>
      </c>
      <c r="H1419">
        <v>308</v>
      </c>
      <c r="I1419">
        <v>1</v>
      </c>
      <c r="J1419">
        <v>0</v>
      </c>
      <c r="K1419">
        <v>1165004</v>
      </c>
      <c r="L1419">
        <v>1165005</v>
      </c>
      <c r="M1419">
        <v>103</v>
      </c>
      <c r="N1419" t="s">
        <v>15</v>
      </c>
      <c r="O1419" s="1">
        <v>44982.464583333334</v>
      </c>
      <c r="P1419" s="1">
        <v>44982.466666666667</v>
      </c>
    </row>
    <row r="1420" spans="1:16" x14ac:dyDescent="0.4">
      <c r="A1420">
        <v>4754</v>
      </c>
      <c r="B1420">
        <v>275322</v>
      </c>
      <c r="C1420" s="1">
        <v>44983</v>
      </c>
      <c r="D1420">
        <v>69</v>
      </c>
      <c r="E1420">
        <v>50</v>
      </c>
      <c r="F1420" t="s">
        <v>18</v>
      </c>
      <c r="G1420">
        <v>12</v>
      </c>
      <c r="H1420">
        <v>528</v>
      </c>
      <c r="I1420">
        <v>3</v>
      </c>
      <c r="J1420">
        <v>0</v>
      </c>
      <c r="K1420">
        <v>1165550</v>
      </c>
      <c r="L1420">
        <v>1165551</v>
      </c>
      <c r="M1420">
        <v>108</v>
      </c>
      <c r="N1420" t="s">
        <v>45</v>
      </c>
      <c r="O1420" s="1">
        <v>44983.933333333334</v>
      </c>
      <c r="P1420" s="1">
        <v>44983.934027777781</v>
      </c>
    </row>
    <row r="1421" spans="1:16" x14ac:dyDescent="0.4">
      <c r="A1421">
        <v>4755</v>
      </c>
      <c r="B1421">
        <v>275322</v>
      </c>
      <c r="C1421" s="1">
        <v>44983</v>
      </c>
      <c r="D1421">
        <v>185</v>
      </c>
      <c r="E1421">
        <v>278</v>
      </c>
      <c r="F1421" t="s">
        <v>259</v>
      </c>
      <c r="G1421">
        <v>12</v>
      </c>
      <c r="H1421">
        <v>330</v>
      </c>
      <c r="I1421">
        <v>1</v>
      </c>
      <c r="J1421">
        <v>0</v>
      </c>
      <c r="K1421">
        <v>1165552</v>
      </c>
      <c r="L1421">
        <v>1165553</v>
      </c>
      <c r="M1421">
        <v>108</v>
      </c>
      <c r="N1421" t="s">
        <v>45</v>
      </c>
      <c r="O1421" s="1">
        <v>44983.933333333334</v>
      </c>
      <c r="P1421" s="1">
        <v>44983.934027777781</v>
      </c>
    </row>
    <row r="1422" spans="1:16" x14ac:dyDescent="0.4">
      <c r="A1422">
        <v>4756</v>
      </c>
      <c r="B1422">
        <v>275322</v>
      </c>
      <c r="C1422" s="1">
        <v>44983</v>
      </c>
      <c r="D1422">
        <v>184</v>
      </c>
      <c r="E1422">
        <v>42</v>
      </c>
      <c r="F1422" t="s">
        <v>260</v>
      </c>
      <c r="G1422">
        <v>12</v>
      </c>
      <c r="H1422">
        <v>0</v>
      </c>
      <c r="I1422">
        <v>2</v>
      </c>
      <c r="J1422">
        <v>0</v>
      </c>
      <c r="K1422">
        <v>1165554</v>
      </c>
      <c r="L1422">
        <v>1165555</v>
      </c>
      <c r="M1422">
        <v>108</v>
      </c>
      <c r="N1422" t="s">
        <v>45</v>
      </c>
      <c r="O1422" s="1">
        <v>44983.933333333334</v>
      </c>
      <c r="P1422" s="1">
        <v>44983.93472222222</v>
      </c>
    </row>
    <row r="1423" spans="1:16" x14ac:dyDescent="0.4">
      <c r="A1423">
        <v>4758</v>
      </c>
      <c r="B1423">
        <v>275482</v>
      </c>
      <c r="C1423" s="1">
        <v>44986</v>
      </c>
      <c r="D1423">
        <v>402</v>
      </c>
      <c r="E1423">
        <v>8</v>
      </c>
      <c r="F1423" t="s">
        <v>256</v>
      </c>
      <c r="G1423">
        <v>5</v>
      </c>
      <c r="H1423">
        <v>660</v>
      </c>
      <c r="I1423">
        <v>1</v>
      </c>
      <c r="J1423">
        <v>0</v>
      </c>
      <c r="K1423">
        <v>1166107</v>
      </c>
      <c r="L1423">
        <v>1166108</v>
      </c>
      <c r="M1423">
        <v>108</v>
      </c>
      <c r="N1423" t="s">
        <v>45</v>
      </c>
      <c r="O1423" s="1">
        <v>44986.868055555555</v>
      </c>
      <c r="P1423" s="1">
        <v>44986.884027777778</v>
      </c>
    </row>
    <row r="1424" spans="1:16" x14ac:dyDescent="0.4">
      <c r="A1424">
        <v>4759</v>
      </c>
      <c r="B1424">
        <v>275638</v>
      </c>
      <c r="C1424" s="1">
        <v>44989</v>
      </c>
      <c r="D1424">
        <v>290</v>
      </c>
      <c r="E1424">
        <v>1260</v>
      </c>
      <c r="F1424" t="s">
        <v>167</v>
      </c>
      <c r="G1424">
        <v>19</v>
      </c>
      <c r="H1424">
        <v>440</v>
      </c>
      <c r="I1424">
        <v>1</v>
      </c>
      <c r="J1424">
        <v>0</v>
      </c>
      <c r="K1424">
        <v>1166621</v>
      </c>
      <c r="L1424">
        <v>1166622</v>
      </c>
      <c r="M1424">
        <v>118</v>
      </c>
      <c r="N1424" t="s">
        <v>240</v>
      </c>
      <c r="O1424" s="1">
        <v>44989.46875</v>
      </c>
      <c r="P1424" s="1">
        <v>44989.469444444447</v>
      </c>
    </row>
    <row r="1425" spans="1:16" x14ac:dyDescent="0.4">
      <c r="A1425">
        <v>4760</v>
      </c>
      <c r="B1425">
        <v>275721</v>
      </c>
      <c r="C1425" s="1">
        <v>44990</v>
      </c>
      <c r="D1425">
        <v>96</v>
      </c>
      <c r="E1425">
        <v>20</v>
      </c>
      <c r="F1425" t="s">
        <v>63</v>
      </c>
      <c r="G1425">
        <v>1</v>
      </c>
      <c r="H1425">
        <v>462</v>
      </c>
      <c r="I1425">
        <v>1</v>
      </c>
      <c r="J1425">
        <v>0</v>
      </c>
      <c r="K1425">
        <v>1166965</v>
      </c>
      <c r="L1425">
        <v>1166966</v>
      </c>
      <c r="M1425">
        <v>115</v>
      </c>
      <c r="N1425" t="s">
        <v>239</v>
      </c>
      <c r="O1425" s="1">
        <v>44990.424305555556</v>
      </c>
      <c r="P1425" s="1">
        <v>44990.425694444442</v>
      </c>
    </row>
    <row r="1426" spans="1:16" x14ac:dyDescent="0.4">
      <c r="A1426">
        <v>4761</v>
      </c>
      <c r="B1426">
        <v>276669</v>
      </c>
      <c r="C1426" s="1">
        <v>45004</v>
      </c>
      <c r="D1426">
        <v>280</v>
      </c>
      <c r="E1426">
        <v>1266</v>
      </c>
      <c r="F1426" t="s">
        <v>162</v>
      </c>
      <c r="G1426">
        <v>12</v>
      </c>
      <c r="H1426">
        <v>594</v>
      </c>
      <c r="I1426">
        <v>1</v>
      </c>
      <c r="J1426">
        <v>0</v>
      </c>
      <c r="K1426">
        <v>1170389</v>
      </c>
      <c r="L1426">
        <v>1170390</v>
      </c>
      <c r="M1426">
        <v>118</v>
      </c>
      <c r="N1426" t="s">
        <v>240</v>
      </c>
      <c r="O1426" s="1">
        <v>45004.42083333333</v>
      </c>
      <c r="P1426" s="1">
        <v>45004.42083333333</v>
      </c>
    </row>
    <row r="1427" spans="1:16" x14ac:dyDescent="0.4">
      <c r="A1427">
        <v>4762</v>
      </c>
      <c r="B1427">
        <v>276677</v>
      </c>
      <c r="C1427" s="1">
        <v>45004</v>
      </c>
      <c r="D1427">
        <v>125</v>
      </c>
      <c r="E1427">
        <v>126</v>
      </c>
      <c r="F1427" t="s">
        <v>159</v>
      </c>
      <c r="G1427">
        <v>1</v>
      </c>
      <c r="H1427">
        <v>308</v>
      </c>
      <c r="I1427">
        <v>1</v>
      </c>
      <c r="J1427">
        <v>0</v>
      </c>
      <c r="K1427">
        <v>1170442</v>
      </c>
      <c r="L1427">
        <v>1170443</v>
      </c>
      <c r="M1427">
        <v>118</v>
      </c>
      <c r="N1427" t="s">
        <v>240</v>
      </c>
      <c r="O1427" s="1">
        <v>45004.563194444447</v>
      </c>
      <c r="P1427" s="1">
        <v>45004.563194444447</v>
      </c>
    </row>
    <row r="1428" spans="1:16" x14ac:dyDescent="0.4">
      <c r="A1428">
        <v>4763</v>
      </c>
      <c r="B1428">
        <v>277048</v>
      </c>
      <c r="C1428" s="1">
        <v>45009</v>
      </c>
      <c r="D1428">
        <v>184</v>
      </c>
      <c r="E1428">
        <v>42</v>
      </c>
      <c r="F1428" t="s">
        <v>260</v>
      </c>
      <c r="G1428">
        <v>17</v>
      </c>
      <c r="H1428">
        <v>0</v>
      </c>
      <c r="I1428">
        <v>1</v>
      </c>
      <c r="J1428">
        <v>0</v>
      </c>
      <c r="K1428">
        <v>1171787</v>
      </c>
      <c r="L1428">
        <v>1171788</v>
      </c>
      <c r="M1428">
        <v>108</v>
      </c>
      <c r="N1428" t="s">
        <v>45</v>
      </c>
      <c r="O1428" s="1">
        <v>45009.984027777777</v>
      </c>
      <c r="P1428" s="1">
        <v>45010.017361111109</v>
      </c>
    </row>
    <row r="1429" spans="1:16" x14ac:dyDescent="0.4">
      <c r="A1429">
        <v>4765</v>
      </c>
      <c r="B1429">
        <v>277060</v>
      </c>
      <c r="C1429" s="1">
        <v>45009</v>
      </c>
      <c r="D1429">
        <v>381</v>
      </c>
      <c r="E1429">
        <v>410</v>
      </c>
      <c r="F1429" t="s">
        <v>261</v>
      </c>
      <c r="G1429">
        <v>1</v>
      </c>
      <c r="H1429">
        <v>320</v>
      </c>
      <c r="I1429">
        <v>1</v>
      </c>
      <c r="J1429">
        <v>0</v>
      </c>
      <c r="K1429">
        <v>1171823</v>
      </c>
      <c r="L1429">
        <v>1171824</v>
      </c>
      <c r="M1429">
        <v>108</v>
      </c>
      <c r="N1429" t="s">
        <v>45</v>
      </c>
      <c r="O1429" s="1">
        <v>45010.135416666664</v>
      </c>
      <c r="P1429" s="1">
        <v>45010.13958333333</v>
      </c>
    </row>
    <row r="1430" spans="1:16" x14ac:dyDescent="0.4">
      <c r="A1430">
        <v>4766</v>
      </c>
      <c r="B1430">
        <v>277115</v>
      </c>
      <c r="C1430" s="1">
        <v>45010</v>
      </c>
      <c r="D1430">
        <v>125</v>
      </c>
      <c r="E1430">
        <v>126</v>
      </c>
      <c r="F1430" t="s">
        <v>159</v>
      </c>
      <c r="G1430">
        <v>7</v>
      </c>
      <c r="H1430">
        <v>308</v>
      </c>
      <c r="I1430">
        <v>1</v>
      </c>
      <c r="J1430">
        <v>0</v>
      </c>
      <c r="K1430">
        <v>1172027</v>
      </c>
      <c r="L1430">
        <v>1172028</v>
      </c>
      <c r="M1430">
        <v>108</v>
      </c>
      <c r="N1430" t="s">
        <v>45</v>
      </c>
      <c r="O1430" s="1">
        <v>45010.843055555553</v>
      </c>
      <c r="P1430" s="1">
        <v>45010.844444444447</v>
      </c>
    </row>
    <row r="1431" spans="1:16" x14ac:dyDescent="0.4">
      <c r="A1431">
        <v>4768</v>
      </c>
      <c r="B1431">
        <v>277261</v>
      </c>
      <c r="C1431" s="1">
        <v>45012</v>
      </c>
      <c r="D1431">
        <v>125</v>
      </c>
      <c r="E1431">
        <v>126</v>
      </c>
      <c r="F1431" t="s">
        <v>159</v>
      </c>
      <c r="G1431">
        <v>3</v>
      </c>
      <c r="H1431">
        <v>308</v>
      </c>
      <c r="I1431">
        <v>1</v>
      </c>
      <c r="J1431">
        <v>0</v>
      </c>
      <c r="K1431">
        <v>1172610</v>
      </c>
      <c r="L1431">
        <v>1172611</v>
      </c>
      <c r="M1431">
        <v>110</v>
      </c>
      <c r="N1431" t="s">
        <v>262</v>
      </c>
      <c r="O1431" s="1">
        <v>45012.688888888886</v>
      </c>
      <c r="P1431" s="1">
        <v>45012.754166666666</v>
      </c>
    </row>
    <row r="1432" spans="1:16" x14ac:dyDescent="0.4">
      <c r="A1432">
        <v>4769</v>
      </c>
      <c r="B1432">
        <v>277631</v>
      </c>
      <c r="C1432" s="1">
        <v>45017</v>
      </c>
      <c r="D1432">
        <v>125</v>
      </c>
      <c r="E1432">
        <v>126</v>
      </c>
      <c r="F1432" t="s">
        <v>159</v>
      </c>
      <c r="G1432">
        <v>11</v>
      </c>
      <c r="H1432">
        <v>308</v>
      </c>
      <c r="I1432">
        <v>1</v>
      </c>
      <c r="J1432">
        <v>0</v>
      </c>
      <c r="K1432">
        <v>1173968</v>
      </c>
      <c r="L1432">
        <v>1173969</v>
      </c>
      <c r="M1432">
        <v>116</v>
      </c>
      <c r="N1432" t="s">
        <v>263</v>
      </c>
      <c r="O1432" s="1">
        <v>45017.718055555553</v>
      </c>
      <c r="P1432" s="1">
        <v>45017.879166666666</v>
      </c>
    </row>
    <row r="1433" spans="1:16" x14ac:dyDescent="0.4">
      <c r="A1433">
        <v>4770</v>
      </c>
      <c r="B1433">
        <v>277779</v>
      </c>
      <c r="C1433" s="1">
        <v>45019</v>
      </c>
      <c r="D1433">
        <v>125</v>
      </c>
      <c r="E1433">
        <v>126</v>
      </c>
      <c r="F1433" t="s">
        <v>159</v>
      </c>
      <c r="G1433">
        <v>14</v>
      </c>
      <c r="H1433">
        <v>308</v>
      </c>
      <c r="I1433">
        <v>1</v>
      </c>
      <c r="J1433">
        <v>0</v>
      </c>
      <c r="K1433">
        <v>1174452</v>
      </c>
      <c r="L1433">
        <v>1174453</v>
      </c>
      <c r="M1433">
        <v>116</v>
      </c>
      <c r="N1433" t="s">
        <v>263</v>
      </c>
      <c r="O1433" s="1">
        <v>45019.762499999997</v>
      </c>
      <c r="P1433" s="1">
        <v>45019.765277777777</v>
      </c>
    </row>
    <row r="1434" spans="1:16" x14ac:dyDescent="0.4">
      <c r="A1434">
        <v>4771</v>
      </c>
      <c r="B1434">
        <v>278037</v>
      </c>
      <c r="C1434" s="1">
        <v>45024</v>
      </c>
      <c r="D1434">
        <v>280</v>
      </c>
      <c r="E1434">
        <v>1266</v>
      </c>
      <c r="F1434" t="s">
        <v>162</v>
      </c>
      <c r="G1434">
        <v>20</v>
      </c>
      <c r="H1434">
        <v>594</v>
      </c>
      <c r="I1434">
        <v>1</v>
      </c>
      <c r="J1434">
        <v>0</v>
      </c>
      <c r="K1434">
        <v>1175321</v>
      </c>
      <c r="L1434">
        <v>1175322</v>
      </c>
      <c r="M1434">
        <v>118</v>
      </c>
      <c r="N1434" t="s">
        <v>240</v>
      </c>
      <c r="O1434" s="1">
        <v>45024.565972222219</v>
      </c>
      <c r="P1434" s="1">
        <v>45024.565972222219</v>
      </c>
    </row>
    <row r="1435" spans="1:16" x14ac:dyDescent="0.4">
      <c r="A1435">
        <v>4774</v>
      </c>
      <c r="B1435">
        <v>278347</v>
      </c>
      <c r="C1435" s="1">
        <v>45029</v>
      </c>
      <c r="D1435">
        <v>122</v>
      </c>
      <c r="E1435">
        <v>142</v>
      </c>
      <c r="F1435" t="s">
        <v>25</v>
      </c>
      <c r="G1435">
        <v>1</v>
      </c>
      <c r="H1435">
        <v>385</v>
      </c>
      <c r="I1435">
        <v>1</v>
      </c>
      <c r="J1435">
        <v>0</v>
      </c>
      <c r="K1435">
        <v>1176498</v>
      </c>
      <c r="L1435">
        <v>1176499</v>
      </c>
      <c r="M1435">
        <v>94</v>
      </c>
      <c r="O1435" s="1">
        <v>45029.984722222223</v>
      </c>
      <c r="P1435" s="1">
        <v>45029.986111111109</v>
      </c>
    </row>
    <row r="1436" spans="1:16" x14ac:dyDescent="0.4">
      <c r="A1436">
        <v>4775</v>
      </c>
      <c r="B1436">
        <v>278394</v>
      </c>
      <c r="C1436" s="1">
        <v>45030</v>
      </c>
      <c r="D1436">
        <v>390</v>
      </c>
      <c r="E1436">
        <v>43</v>
      </c>
      <c r="F1436" t="s">
        <v>264</v>
      </c>
      <c r="G1436">
        <v>4</v>
      </c>
      <c r="H1436">
        <v>0</v>
      </c>
      <c r="I1436">
        <v>1</v>
      </c>
      <c r="J1436">
        <v>0</v>
      </c>
      <c r="K1436">
        <v>1176695</v>
      </c>
      <c r="L1436">
        <v>1176696</v>
      </c>
      <c r="M1436">
        <v>95</v>
      </c>
      <c r="N1436" t="s">
        <v>68</v>
      </c>
      <c r="O1436" s="1">
        <v>45030.893055555556</v>
      </c>
      <c r="P1436" s="1">
        <v>45030.9</v>
      </c>
    </row>
    <row r="1437" spans="1:16" x14ac:dyDescent="0.4">
      <c r="A1437">
        <v>4776</v>
      </c>
      <c r="B1437">
        <v>278394</v>
      </c>
      <c r="C1437" s="1">
        <v>45030</v>
      </c>
      <c r="D1437">
        <v>401</v>
      </c>
      <c r="E1437">
        <v>80</v>
      </c>
      <c r="F1437" t="s">
        <v>265</v>
      </c>
      <c r="G1437">
        <v>4</v>
      </c>
      <c r="H1437">
        <v>0</v>
      </c>
      <c r="I1437">
        <v>1</v>
      </c>
      <c r="J1437">
        <v>0</v>
      </c>
      <c r="K1437">
        <v>1176697</v>
      </c>
      <c r="L1437">
        <v>1176698</v>
      </c>
      <c r="M1437">
        <v>95</v>
      </c>
      <c r="N1437" t="s">
        <v>68</v>
      </c>
      <c r="O1437" s="1">
        <v>45030.893055555556</v>
      </c>
      <c r="P1437" s="1">
        <v>45030.900694444441</v>
      </c>
    </row>
    <row r="1438" spans="1:16" x14ac:dyDescent="0.4">
      <c r="A1438">
        <v>4777</v>
      </c>
      <c r="B1438">
        <v>278869</v>
      </c>
      <c r="C1438" s="1">
        <v>45038</v>
      </c>
      <c r="D1438">
        <v>122</v>
      </c>
      <c r="E1438">
        <v>142</v>
      </c>
      <c r="F1438" t="s">
        <v>25</v>
      </c>
      <c r="G1438">
        <v>8</v>
      </c>
      <c r="H1438">
        <v>385</v>
      </c>
      <c r="I1438">
        <v>1</v>
      </c>
      <c r="J1438">
        <v>0</v>
      </c>
      <c r="K1438">
        <v>1178403</v>
      </c>
      <c r="L1438">
        <v>1178404</v>
      </c>
      <c r="M1438">
        <v>110</v>
      </c>
      <c r="N1438" t="s">
        <v>262</v>
      </c>
      <c r="O1438" s="1">
        <v>45038.857638888891</v>
      </c>
      <c r="P1438" s="1">
        <v>45038.859027777777</v>
      </c>
    </row>
    <row r="1439" spans="1:16" x14ac:dyDescent="0.4">
      <c r="A1439">
        <v>4778</v>
      </c>
      <c r="B1439">
        <v>278899</v>
      </c>
      <c r="C1439" s="1">
        <v>45039</v>
      </c>
      <c r="D1439">
        <v>290</v>
      </c>
      <c r="E1439">
        <v>1260</v>
      </c>
      <c r="F1439" t="s">
        <v>167</v>
      </c>
      <c r="G1439">
        <v>2</v>
      </c>
      <c r="H1439">
        <v>440</v>
      </c>
      <c r="I1439">
        <v>138</v>
      </c>
      <c r="J1439">
        <v>1</v>
      </c>
      <c r="K1439">
        <v>1178555</v>
      </c>
      <c r="L1439">
        <v>1178556</v>
      </c>
      <c r="M1439">
        <v>36</v>
      </c>
      <c r="N1439" t="s">
        <v>266</v>
      </c>
      <c r="O1439" s="1">
        <v>45039.48541666667</v>
      </c>
      <c r="P1439" s="1">
        <v>45039.484722222223</v>
      </c>
    </row>
    <row r="1440" spans="1:16" x14ac:dyDescent="0.4">
      <c r="A1440">
        <v>4780</v>
      </c>
      <c r="B1440">
        <v>279196</v>
      </c>
      <c r="C1440" s="1">
        <v>45044</v>
      </c>
      <c r="D1440">
        <v>157</v>
      </c>
      <c r="E1440">
        <v>113</v>
      </c>
      <c r="F1440" t="s">
        <v>59</v>
      </c>
      <c r="G1440">
        <v>1</v>
      </c>
      <c r="H1440">
        <v>605</v>
      </c>
      <c r="I1440">
        <v>1</v>
      </c>
      <c r="J1440">
        <v>0</v>
      </c>
      <c r="K1440">
        <v>1179597</v>
      </c>
      <c r="L1440">
        <v>1179598</v>
      </c>
      <c r="M1440">
        <v>116</v>
      </c>
      <c r="N1440" t="s">
        <v>263</v>
      </c>
      <c r="O1440" s="1">
        <v>45044.921527777777</v>
      </c>
      <c r="P1440" s="1">
        <v>45044.945833333331</v>
      </c>
    </row>
    <row r="1441" spans="1:16" x14ac:dyDescent="0.4">
      <c r="A1441">
        <v>4781</v>
      </c>
      <c r="B1441">
        <v>279295</v>
      </c>
      <c r="C1441" s="1">
        <v>45045</v>
      </c>
      <c r="D1441">
        <v>323</v>
      </c>
      <c r="E1441">
        <v>1</v>
      </c>
      <c r="F1441" t="s">
        <v>233</v>
      </c>
      <c r="G1441">
        <v>11</v>
      </c>
      <c r="H1441">
        <v>440</v>
      </c>
      <c r="I1441">
        <v>1</v>
      </c>
      <c r="J1441">
        <v>0</v>
      </c>
      <c r="K1441">
        <v>1179971</v>
      </c>
      <c r="L1441">
        <v>1179972</v>
      </c>
      <c r="M1441">
        <v>37</v>
      </c>
      <c r="N1441" t="s">
        <v>267</v>
      </c>
      <c r="O1441" s="1">
        <v>45045.990277777775</v>
      </c>
      <c r="P1441" s="1">
        <v>45045.995138888888</v>
      </c>
    </row>
    <row r="1442" spans="1:16" x14ac:dyDescent="0.4">
      <c r="A1442">
        <v>4782</v>
      </c>
      <c r="B1442">
        <v>279339</v>
      </c>
      <c r="C1442" s="1">
        <v>45046</v>
      </c>
      <c r="D1442">
        <v>401</v>
      </c>
      <c r="E1442">
        <v>80</v>
      </c>
      <c r="F1442" t="s">
        <v>265</v>
      </c>
      <c r="G1442">
        <v>11</v>
      </c>
      <c r="H1442">
        <v>600</v>
      </c>
      <c r="I1442">
        <v>1</v>
      </c>
      <c r="J1442">
        <v>0</v>
      </c>
      <c r="K1442">
        <v>1180157</v>
      </c>
      <c r="L1442">
        <v>1180158</v>
      </c>
      <c r="M1442">
        <v>118</v>
      </c>
      <c r="N1442" t="s">
        <v>240</v>
      </c>
      <c r="O1442" s="1">
        <v>45046.750694444447</v>
      </c>
      <c r="P1442" s="1">
        <v>45046.753472222219</v>
      </c>
    </row>
    <row r="1443" spans="1:16" x14ac:dyDescent="0.4">
      <c r="A1443">
        <v>4783</v>
      </c>
      <c r="B1443">
        <v>279530</v>
      </c>
      <c r="C1443" s="1">
        <v>45048</v>
      </c>
      <c r="D1443">
        <v>127</v>
      </c>
      <c r="E1443">
        <v>136</v>
      </c>
      <c r="F1443" t="s">
        <v>32</v>
      </c>
      <c r="G1443">
        <v>2</v>
      </c>
      <c r="H1443">
        <v>660</v>
      </c>
      <c r="I1443">
        <v>1</v>
      </c>
      <c r="J1443">
        <v>0</v>
      </c>
      <c r="K1443">
        <v>1180859</v>
      </c>
      <c r="L1443">
        <v>1180860</v>
      </c>
      <c r="M1443">
        <v>113</v>
      </c>
      <c r="N1443" t="s">
        <v>268</v>
      </c>
      <c r="O1443" s="1">
        <v>45049.020138888889</v>
      </c>
      <c r="P1443" s="1">
        <v>45049.021527777775</v>
      </c>
    </row>
    <row r="1444" spans="1:16" x14ac:dyDescent="0.4">
      <c r="A1444">
        <v>4784</v>
      </c>
      <c r="B1444">
        <v>279612</v>
      </c>
      <c r="C1444" s="1">
        <v>45049</v>
      </c>
      <c r="D1444">
        <v>148</v>
      </c>
      <c r="E1444">
        <v>124</v>
      </c>
      <c r="F1444" t="s">
        <v>35</v>
      </c>
      <c r="G1444">
        <v>19</v>
      </c>
      <c r="H1444">
        <v>495</v>
      </c>
      <c r="I1444">
        <v>2</v>
      </c>
      <c r="J1444">
        <v>1</v>
      </c>
      <c r="K1444">
        <v>1181209</v>
      </c>
      <c r="L1444">
        <v>1181210</v>
      </c>
      <c r="M1444">
        <v>120</v>
      </c>
      <c r="N1444" t="s">
        <v>12</v>
      </c>
      <c r="O1444" s="1">
        <v>45049.963194444441</v>
      </c>
      <c r="P1444" s="1">
        <v>45050.066666666666</v>
      </c>
    </row>
    <row r="1445" spans="1:16" x14ac:dyDescent="0.4">
      <c r="A1445">
        <v>4785</v>
      </c>
      <c r="B1445">
        <v>279714</v>
      </c>
      <c r="C1445" s="1">
        <v>45050</v>
      </c>
      <c r="D1445">
        <v>295</v>
      </c>
      <c r="E1445">
        <v>549</v>
      </c>
      <c r="F1445" t="s">
        <v>53</v>
      </c>
      <c r="G1445">
        <v>5</v>
      </c>
      <c r="H1445">
        <v>550</v>
      </c>
      <c r="I1445">
        <v>1</v>
      </c>
      <c r="J1445">
        <v>0</v>
      </c>
      <c r="K1445">
        <v>1181602</v>
      </c>
      <c r="L1445">
        <v>1181603</v>
      </c>
      <c r="M1445">
        <v>74</v>
      </c>
      <c r="N1445" t="s">
        <v>269</v>
      </c>
      <c r="O1445" s="1">
        <v>45051.124305555553</v>
      </c>
      <c r="P1445" s="1">
        <v>45051.125</v>
      </c>
    </row>
    <row r="1446" spans="1:16" x14ac:dyDescent="0.4">
      <c r="A1446">
        <v>4786</v>
      </c>
      <c r="B1446">
        <v>279714</v>
      </c>
      <c r="C1446" s="1">
        <v>45050</v>
      </c>
      <c r="D1446">
        <v>294</v>
      </c>
      <c r="E1446">
        <v>550</v>
      </c>
      <c r="F1446" t="s">
        <v>122</v>
      </c>
      <c r="G1446">
        <v>5</v>
      </c>
      <c r="H1446">
        <v>550</v>
      </c>
      <c r="I1446">
        <v>1</v>
      </c>
      <c r="J1446">
        <v>0</v>
      </c>
      <c r="K1446">
        <v>1181604</v>
      </c>
      <c r="L1446">
        <v>1181605</v>
      </c>
      <c r="M1446">
        <v>74</v>
      </c>
      <c r="N1446" t="s">
        <v>269</v>
      </c>
      <c r="O1446" s="1">
        <v>45051.124305555553</v>
      </c>
      <c r="P1446" s="1">
        <v>45051.125694444447</v>
      </c>
    </row>
    <row r="1447" spans="1:16" x14ac:dyDescent="0.4">
      <c r="A1447">
        <v>4787</v>
      </c>
      <c r="B1447">
        <v>279714</v>
      </c>
      <c r="C1447" s="1">
        <v>45050</v>
      </c>
      <c r="D1447">
        <v>125</v>
      </c>
      <c r="E1447">
        <v>126</v>
      </c>
      <c r="F1447" t="s">
        <v>159</v>
      </c>
      <c r="G1447">
        <v>5</v>
      </c>
      <c r="H1447">
        <v>308</v>
      </c>
      <c r="I1447">
        <v>1</v>
      </c>
      <c r="J1447">
        <v>0</v>
      </c>
      <c r="K1447">
        <v>1181609</v>
      </c>
      <c r="L1447">
        <v>1181610</v>
      </c>
      <c r="M1447">
        <v>74</v>
      </c>
      <c r="N1447" t="s">
        <v>269</v>
      </c>
      <c r="O1447" s="1">
        <v>45050.992361111108</v>
      </c>
      <c r="P1447" s="1">
        <v>45051.155555555553</v>
      </c>
    </row>
    <row r="1448" spans="1:16" x14ac:dyDescent="0.4">
      <c r="A1448">
        <v>4788</v>
      </c>
      <c r="B1448">
        <v>279795</v>
      </c>
      <c r="C1448" s="1">
        <v>45051</v>
      </c>
      <c r="D1448">
        <v>57</v>
      </c>
      <c r="E1448">
        <v>30</v>
      </c>
      <c r="F1448" t="s">
        <v>227</v>
      </c>
      <c r="G1448">
        <v>20</v>
      </c>
      <c r="H1448">
        <v>352</v>
      </c>
      <c r="I1448">
        <v>1</v>
      </c>
      <c r="J1448">
        <v>0</v>
      </c>
      <c r="K1448">
        <v>1181879</v>
      </c>
      <c r="L1448">
        <v>1181880</v>
      </c>
      <c r="M1448">
        <v>116</v>
      </c>
      <c r="N1448" t="s">
        <v>263</v>
      </c>
      <c r="O1448" s="1">
        <v>45051.863194444442</v>
      </c>
      <c r="P1448" s="1">
        <v>45051.926388888889</v>
      </c>
    </row>
    <row r="1449" spans="1:16" x14ac:dyDescent="0.4">
      <c r="A1449">
        <v>4789</v>
      </c>
      <c r="B1449">
        <v>279827</v>
      </c>
      <c r="C1449" s="1">
        <v>45052</v>
      </c>
      <c r="D1449">
        <v>403</v>
      </c>
      <c r="E1449">
        <v>6000</v>
      </c>
      <c r="F1449" t="s">
        <v>270</v>
      </c>
      <c r="G1449">
        <v>17</v>
      </c>
      <c r="H1449">
        <v>700</v>
      </c>
      <c r="I1449">
        <v>1</v>
      </c>
      <c r="J1449">
        <v>0</v>
      </c>
      <c r="K1449">
        <v>1181977</v>
      </c>
      <c r="L1449">
        <v>1181978</v>
      </c>
      <c r="M1449">
        <v>40</v>
      </c>
      <c r="N1449" t="s">
        <v>271</v>
      </c>
      <c r="O1449" s="1">
        <v>45052.436805555553</v>
      </c>
      <c r="P1449" s="1">
        <v>45052.448611111111</v>
      </c>
    </row>
    <row r="1450" spans="1:16" x14ac:dyDescent="0.4">
      <c r="A1450">
        <v>4791</v>
      </c>
      <c r="B1450">
        <v>280103</v>
      </c>
      <c r="C1450" s="1">
        <v>45056</v>
      </c>
      <c r="D1450">
        <v>125</v>
      </c>
      <c r="E1450">
        <v>126</v>
      </c>
      <c r="F1450" t="s">
        <v>159</v>
      </c>
      <c r="G1450">
        <v>12</v>
      </c>
      <c r="H1450">
        <v>308</v>
      </c>
      <c r="I1450">
        <v>1</v>
      </c>
      <c r="J1450">
        <v>0</v>
      </c>
      <c r="K1450">
        <v>1182976</v>
      </c>
      <c r="L1450">
        <v>1182977</v>
      </c>
      <c r="M1450">
        <v>74</v>
      </c>
      <c r="N1450" t="s">
        <v>269</v>
      </c>
      <c r="O1450" s="1">
        <v>45056.800000000003</v>
      </c>
      <c r="P1450" s="1">
        <v>45056.826388888891</v>
      </c>
    </row>
    <row r="1451" spans="1:16" x14ac:dyDescent="0.4">
      <c r="A1451">
        <v>4792</v>
      </c>
      <c r="B1451">
        <v>280217</v>
      </c>
      <c r="C1451" s="1">
        <v>45059</v>
      </c>
      <c r="D1451">
        <v>125</v>
      </c>
      <c r="E1451">
        <v>126</v>
      </c>
      <c r="F1451" t="s">
        <v>159</v>
      </c>
      <c r="G1451">
        <v>15</v>
      </c>
      <c r="H1451">
        <v>308</v>
      </c>
      <c r="I1451">
        <v>1</v>
      </c>
      <c r="J1451">
        <v>0</v>
      </c>
      <c r="K1451">
        <v>1183412</v>
      </c>
      <c r="L1451">
        <v>1183413</v>
      </c>
      <c r="M1451">
        <v>36</v>
      </c>
      <c r="N1451" t="s">
        <v>266</v>
      </c>
      <c r="O1451" s="1">
        <v>45059.527083333334</v>
      </c>
      <c r="P1451" s="1">
        <v>45059.595833333333</v>
      </c>
    </row>
    <row r="1452" spans="1:16" x14ac:dyDescent="0.4">
      <c r="A1452">
        <v>4793</v>
      </c>
      <c r="B1452">
        <v>280964</v>
      </c>
      <c r="C1452" s="1">
        <v>45071</v>
      </c>
      <c r="D1452">
        <v>125</v>
      </c>
      <c r="E1452">
        <v>126</v>
      </c>
      <c r="F1452" t="s">
        <v>159</v>
      </c>
      <c r="G1452">
        <v>12</v>
      </c>
      <c r="H1452">
        <v>308</v>
      </c>
      <c r="I1452">
        <v>1</v>
      </c>
      <c r="J1452">
        <v>0</v>
      </c>
      <c r="K1452">
        <v>1185948</v>
      </c>
      <c r="L1452">
        <v>1185949</v>
      </c>
      <c r="M1452">
        <v>116</v>
      </c>
      <c r="N1452" t="s">
        <v>263</v>
      </c>
      <c r="O1452" s="1">
        <v>45071.745138888888</v>
      </c>
      <c r="P1452" s="1">
        <v>45071.825694444444</v>
      </c>
    </row>
    <row r="1453" spans="1:16" x14ac:dyDescent="0.4">
      <c r="A1453">
        <v>4794</v>
      </c>
      <c r="B1453">
        <v>280978</v>
      </c>
      <c r="C1453" s="1">
        <v>45071</v>
      </c>
      <c r="D1453">
        <v>186</v>
      </c>
      <c r="E1453">
        <v>225</v>
      </c>
      <c r="F1453" t="s">
        <v>212</v>
      </c>
      <c r="G1453">
        <v>18</v>
      </c>
      <c r="H1453">
        <v>385</v>
      </c>
      <c r="I1453">
        <v>2</v>
      </c>
      <c r="J1453">
        <v>1</v>
      </c>
      <c r="K1453">
        <v>1185990</v>
      </c>
      <c r="L1453">
        <v>1185991</v>
      </c>
      <c r="M1453">
        <v>116</v>
      </c>
      <c r="N1453" t="s">
        <v>263</v>
      </c>
      <c r="O1453" s="1">
        <v>45071.915277777778</v>
      </c>
      <c r="P1453" s="1">
        <v>45071.92083333333</v>
      </c>
    </row>
    <row r="1454" spans="1:16" x14ac:dyDescent="0.4">
      <c r="A1454">
        <v>4795</v>
      </c>
      <c r="B1454">
        <v>281077</v>
      </c>
      <c r="C1454" s="1">
        <v>45073</v>
      </c>
      <c r="D1454">
        <v>290</v>
      </c>
      <c r="E1454">
        <v>1260</v>
      </c>
      <c r="F1454" t="s">
        <v>167</v>
      </c>
      <c r="G1454">
        <v>10</v>
      </c>
      <c r="H1454">
        <v>440</v>
      </c>
      <c r="I1454">
        <v>1</v>
      </c>
      <c r="J1454">
        <v>0</v>
      </c>
      <c r="K1454">
        <v>1186372</v>
      </c>
      <c r="L1454">
        <v>1186373</v>
      </c>
      <c r="M1454">
        <v>118</v>
      </c>
      <c r="N1454" t="s">
        <v>240</v>
      </c>
      <c r="O1454" s="1">
        <v>45073.607638888891</v>
      </c>
      <c r="P1454" s="1">
        <v>45073.6875</v>
      </c>
    </row>
    <row r="1455" spans="1:16" x14ac:dyDescent="0.4">
      <c r="A1455">
        <v>4798</v>
      </c>
      <c r="B1455">
        <v>281555</v>
      </c>
      <c r="C1455" s="1">
        <v>45080</v>
      </c>
      <c r="D1455">
        <v>187</v>
      </c>
      <c r="E1455">
        <v>226</v>
      </c>
      <c r="F1455" t="s">
        <v>272</v>
      </c>
      <c r="G1455">
        <v>10</v>
      </c>
      <c r="H1455">
        <v>385</v>
      </c>
      <c r="I1455">
        <v>1</v>
      </c>
      <c r="J1455">
        <v>0</v>
      </c>
      <c r="K1455">
        <v>1188078</v>
      </c>
      <c r="L1455">
        <v>1188079</v>
      </c>
      <c r="M1455">
        <v>41</v>
      </c>
      <c r="N1455" t="s">
        <v>273</v>
      </c>
      <c r="O1455" s="1">
        <v>45081.013194444444</v>
      </c>
      <c r="P1455" s="1">
        <v>45081.01666666667</v>
      </c>
    </row>
    <row r="1456" spans="1:16" x14ac:dyDescent="0.4">
      <c r="A1456">
        <v>4799</v>
      </c>
      <c r="B1456">
        <v>281555</v>
      </c>
      <c r="C1456" s="1">
        <v>45080</v>
      </c>
      <c r="D1456">
        <v>69</v>
      </c>
      <c r="E1456">
        <v>50</v>
      </c>
      <c r="F1456" t="s">
        <v>18</v>
      </c>
      <c r="G1456">
        <v>10</v>
      </c>
      <c r="H1456">
        <v>528</v>
      </c>
      <c r="I1456">
        <v>1</v>
      </c>
      <c r="J1456">
        <v>0</v>
      </c>
      <c r="K1456">
        <v>1188080</v>
      </c>
      <c r="L1456">
        <v>1188081</v>
      </c>
      <c r="M1456">
        <v>41</v>
      </c>
      <c r="N1456" t="s">
        <v>273</v>
      </c>
      <c r="O1456" s="1">
        <v>45081.013194444444</v>
      </c>
      <c r="P1456" s="1">
        <v>45081.01666666667</v>
      </c>
    </row>
    <row r="1457" spans="1:16" x14ac:dyDescent="0.4">
      <c r="A1457">
        <v>4800</v>
      </c>
      <c r="B1457">
        <v>281624</v>
      </c>
      <c r="C1457" s="1">
        <v>45081</v>
      </c>
      <c r="D1457">
        <v>293</v>
      </c>
      <c r="E1457">
        <v>548</v>
      </c>
      <c r="F1457" t="s">
        <v>178</v>
      </c>
      <c r="G1457">
        <v>20</v>
      </c>
      <c r="H1457">
        <v>495</v>
      </c>
      <c r="I1457">
        <v>1</v>
      </c>
      <c r="J1457">
        <v>0</v>
      </c>
      <c r="K1457">
        <v>1188339</v>
      </c>
      <c r="L1457">
        <v>1188340</v>
      </c>
      <c r="M1457">
        <v>74</v>
      </c>
      <c r="N1457" t="s">
        <v>269</v>
      </c>
      <c r="O1457" s="1">
        <v>45081.894444444442</v>
      </c>
      <c r="P1457" s="1">
        <v>45081.895138888889</v>
      </c>
    </row>
    <row r="1458" spans="1:16" x14ac:dyDescent="0.4">
      <c r="A1458">
        <v>4801</v>
      </c>
      <c r="B1458">
        <v>281981</v>
      </c>
      <c r="C1458" s="1">
        <v>45087</v>
      </c>
      <c r="D1458">
        <v>57</v>
      </c>
      <c r="E1458">
        <v>30</v>
      </c>
      <c r="F1458" t="s">
        <v>227</v>
      </c>
      <c r="G1458">
        <v>6</v>
      </c>
      <c r="H1458">
        <v>352</v>
      </c>
      <c r="I1458">
        <v>1</v>
      </c>
      <c r="J1458">
        <v>0</v>
      </c>
      <c r="K1458">
        <v>1189570</v>
      </c>
      <c r="L1458">
        <v>1189571</v>
      </c>
      <c r="M1458">
        <v>110</v>
      </c>
      <c r="N1458" t="s">
        <v>262</v>
      </c>
      <c r="O1458" s="1">
        <v>45087.888888888891</v>
      </c>
      <c r="P1458" s="1">
        <v>45087.89166666667</v>
      </c>
    </row>
    <row r="1459" spans="1:16" x14ac:dyDescent="0.4">
      <c r="A1459">
        <v>4802</v>
      </c>
      <c r="B1459">
        <v>281981</v>
      </c>
      <c r="C1459" s="1">
        <v>45087</v>
      </c>
      <c r="D1459">
        <v>57</v>
      </c>
      <c r="E1459">
        <v>30</v>
      </c>
      <c r="F1459" t="s">
        <v>227</v>
      </c>
      <c r="G1459">
        <v>6</v>
      </c>
      <c r="H1459">
        <v>352</v>
      </c>
      <c r="I1459">
        <v>1</v>
      </c>
      <c r="J1459">
        <v>0</v>
      </c>
      <c r="K1459">
        <v>1189573</v>
      </c>
      <c r="L1459">
        <v>1189574</v>
      </c>
      <c r="M1459">
        <v>110</v>
      </c>
      <c r="N1459" t="s">
        <v>262</v>
      </c>
      <c r="O1459" s="1">
        <v>45087.888888888891</v>
      </c>
      <c r="P1459" s="1">
        <v>45087.893055555556</v>
      </c>
    </row>
    <row r="1460" spans="1:16" x14ac:dyDescent="0.4">
      <c r="A1460">
        <v>4803</v>
      </c>
      <c r="B1460">
        <v>281981</v>
      </c>
      <c r="C1460" s="1">
        <v>45087</v>
      </c>
      <c r="D1460">
        <v>57</v>
      </c>
      <c r="E1460">
        <v>30</v>
      </c>
      <c r="F1460" t="s">
        <v>227</v>
      </c>
      <c r="G1460">
        <v>6</v>
      </c>
      <c r="H1460">
        <v>352</v>
      </c>
      <c r="I1460">
        <v>1</v>
      </c>
      <c r="J1460">
        <v>0</v>
      </c>
      <c r="K1460">
        <v>1189575</v>
      </c>
      <c r="L1460">
        <v>1189576</v>
      </c>
      <c r="M1460">
        <v>110</v>
      </c>
      <c r="N1460" t="s">
        <v>262</v>
      </c>
      <c r="O1460" s="1">
        <v>45087.888888888891</v>
      </c>
      <c r="P1460" s="1">
        <v>45087.893055555556</v>
      </c>
    </row>
    <row r="1461" spans="1:16" x14ac:dyDescent="0.4">
      <c r="A1461">
        <v>4804</v>
      </c>
      <c r="B1461">
        <v>281981</v>
      </c>
      <c r="C1461" s="1">
        <v>45087</v>
      </c>
      <c r="D1461">
        <v>97</v>
      </c>
      <c r="E1461">
        <v>21</v>
      </c>
      <c r="F1461" t="s">
        <v>214</v>
      </c>
      <c r="G1461">
        <v>6</v>
      </c>
      <c r="H1461">
        <v>462</v>
      </c>
      <c r="I1461">
        <v>1</v>
      </c>
      <c r="J1461">
        <v>0</v>
      </c>
      <c r="K1461">
        <v>1189577</v>
      </c>
      <c r="L1461">
        <v>1189578</v>
      </c>
      <c r="M1461">
        <v>110</v>
      </c>
      <c r="N1461" t="s">
        <v>262</v>
      </c>
      <c r="O1461" s="1">
        <v>45087.888888888891</v>
      </c>
      <c r="P1461" s="1">
        <v>45087.893055555556</v>
      </c>
    </row>
    <row r="1462" spans="1:16" x14ac:dyDescent="0.4">
      <c r="A1462">
        <v>4806</v>
      </c>
      <c r="B1462">
        <v>282046</v>
      </c>
      <c r="C1462" s="1">
        <v>45088</v>
      </c>
      <c r="D1462">
        <v>125</v>
      </c>
      <c r="E1462">
        <v>126</v>
      </c>
      <c r="F1462" t="s">
        <v>159</v>
      </c>
      <c r="G1462">
        <v>14</v>
      </c>
      <c r="H1462">
        <v>308</v>
      </c>
      <c r="I1462">
        <v>1</v>
      </c>
      <c r="J1462">
        <v>0</v>
      </c>
      <c r="K1462">
        <v>1189867</v>
      </c>
      <c r="L1462">
        <v>1189868</v>
      </c>
      <c r="M1462">
        <v>110</v>
      </c>
      <c r="N1462" t="s">
        <v>262</v>
      </c>
      <c r="O1462" s="1">
        <v>45088.777777777781</v>
      </c>
      <c r="P1462" s="1">
        <v>45088.785416666666</v>
      </c>
    </row>
    <row r="1463" spans="1:16" x14ac:dyDescent="0.4">
      <c r="A1463">
        <v>4807</v>
      </c>
      <c r="B1463">
        <v>282160</v>
      </c>
      <c r="C1463" s="1">
        <v>45090</v>
      </c>
      <c r="D1463">
        <v>85</v>
      </c>
      <c r="E1463">
        <v>66</v>
      </c>
      <c r="F1463" t="s">
        <v>274</v>
      </c>
      <c r="G1463">
        <v>5</v>
      </c>
      <c r="H1463">
        <v>462</v>
      </c>
      <c r="I1463">
        <v>1</v>
      </c>
      <c r="J1463">
        <v>0</v>
      </c>
      <c r="K1463">
        <v>1190184</v>
      </c>
      <c r="L1463">
        <v>1190185</v>
      </c>
      <c r="M1463">
        <v>38</v>
      </c>
      <c r="N1463" t="s">
        <v>275</v>
      </c>
      <c r="O1463" s="1">
        <v>45090.727083333331</v>
      </c>
      <c r="P1463" s="1">
        <v>45090.731944444444</v>
      </c>
    </row>
    <row r="1464" spans="1:16" x14ac:dyDescent="0.4">
      <c r="A1464">
        <v>4808</v>
      </c>
      <c r="B1464">
        <v>282160</v>
      </c>
      <c r="C1464" s="1">
        <v>45090</v>
      </c>
      <c r="D1464">
        <v>57</v>
      </c>
      <c r="E1464">
        <v>30</v>
      </c>
      <c r="F1464" t="s">
        <v>227</v>
      </c>
      <c r="G1464">
        <v>5</v>
      </c>
      <c r="H1464">
        <v>352</v>
      </c>
      <c r="I1464">
        <v>1</v>
      </c>
      <c r="J1464">
        <v>0</v>
      </c>
      <c r="K1464">
        <v>1190186</v>
      </c>
      <c r="L1464">
        <v>1190187</v>
      </c>
      <c r="M1464">
        <v>38</v>
      </c>
      <c r="N1464" t="s">
        <v>275</v>
      </c>
      <c r="O1464" s="1">
        <v>45090.730555555558</v>
      </c>
      <c r="P1464" s="1">
        <v>45090.731944444444</v>
      </c>
    </row>
    <row r="1465" spans="1:16" x14ac:dyDescent="0.4">
      <c r="A1465">
        <v>4809</v>
      </c>
      <c r="B1465">
        <v>282160</v>
      </c>
      <c r="C1465" s="1">
        <v>45090</v>
      </c>
      <c r="D1465">
        <v>376</v>
      </c>
      <c r="E1465">
        <v>81</v>
      </c>
      <c r="F1465" t="s">
        <v>276</v>
      </c>
      <c r="G1465">
        <v>5</v>
      </c>
      <c r="H1465">
        <v>550</v>
      </c>
      <c r="I1465">
        <v>1</v>
      </c>
      <c r="J1465">
        <v>0</v>
      </c>
      <c r="K1465">
        <v>1190207</v>
      </c>
      <c r="L1465">
        <v>1190208</v>
      </c>
      <c r="M1465">
        <v>39</v>
      </c>
      <c r="N1465" t="s">
        <v>277</v>
      </c>
      <c r="O1465" s="1">
        <v>45090.769444444442</v>
      </c>
      <c r="P1465" s="1">
        <v>45090.774305555555</v>
      </c>
    </row>
    <row r="1466" spans="1:16" x14ac:dyDescent="0.4">
      <c r="A1466">
        <v>4810</v>
      </c>
      <c r="B1466">
        <v>282329</v>
      </c>
      <c r="C1466" s="1">
        <v>45093</v>
      </c>
      <c r="D1466">
        <v>11</v>
      </c>
      <c r="E1466">
        <v>110</v>
      </c>
      <c r="F1466" t="s">
        <v>73</v>
      </c>
      <c r="G1466">
        <v>4</v>
      </c>
      <c r="H1466">
        <v>550</v>
      </c>
      <c r="I1466">
        <v>1</v>
      </c>
      <c r="J1466">
        <v>0</v>
      </c>
      <c r="K1466">
        <v>1190765</v>
      </c>
      <c r="L1466">
        <v>1190766</v>
      </c>
      <c r="M1466">
        <v>116</v>
      </c>
      <c r="N1466" t="s">
        <v>263</v>
      </c>
      <c r="O1466" s="1">
        <v>45093.923611111109</v>
      </c>
      <c r="P1466" s="1">
        <v>45093.938888888886</v>
      </c>
    </row>
    <row r="1467" spans="1:16" x14ac:dyDescent="0.4">
      <c r="A1467">
        <v>4811</v>
      </c>
      <c r="B1467">
        <v>282394</v>
      </c>
      <c r="C1467" s="1">
        <v>45094</v>
      </c>
      <c r="D1467">
        <v>97</v>
      </c>
      <c r="E1467">
        <v>21</v>
      </c>
      <c r="F1467" t="s">
        <v>214</v>
      </c>
      <c r="G1467">
        <v>7</v>
      </c>
      <c r="H1467">
        <v>462</v>
      </c>
      <c r="I1467">
        <v>2</v>
      </c>
      <c r="J1467">
        <v>0</v>
      </c>
      <c r="K1467">
        <v>1191018</v>
      </c>
      <c r="L1467">
        <v>1191019</v>
      </c>
      <c r="M1467">
        <v>115</v>
      </c>
      <c r="N1467" t="s">
        <v>239</v>
      </c>
      <c r="O1467" s="1">
        <v>45094.712500000001</v>
      </c>
      <c r="P1467" s="1">
        <v>45094.727777777778</v>
      </c>
    </row>
    <row r="1468" spans="1:16" x14ac:dyDescent="0.4">
      <c r="A1468">
        <v>4812</v>
      </c>
      <c r="B1468">
        <v>282743</v>
      </c>
      <c r="C1468" s="1">
        <v>45100</v>
      </c>
      <c r="D1468">
        <v>96</v>
      </c>
      <c r="E1468">
        <v>20</v>
      </c>
      <c r="F1468" t="s">
        <v>63</v>
      </c>
      <c r="G1468">
        <v>7</v>
      </c>
      <c r="H1468">
        <v>462</v>
      </c>
      <c r="I1468">
        <v>1</v>
      </c>
      <c r="J1468">
        <v>0</v>
      </c>
      <c r="K1468">
        <v>1192225</v>
      </c>
      <c r="L1468">
        <v>1192226</v>
      </c>
      <c r="M1468">
        <v>36</v>
      </c>
      <c r="N1468" t="s">
        <v>266</v>
      </c>
      <c r="O1468" s="1">
        <v>45100.730555555558</v>
      </c>
      <c r="P1468" s="1">
        <v>45100.754166666666</v>
      </c>
    </row>
    <row r="1469" spans="1:16" x14ac:dyDescent="0.4">
      <c r="A1469">
        <v>4813</v>
      </c>
      <c r="B1469">
        <v>282841</v>
      </c>
      <c r="C1469" s="1">
        <v>45101</v>
      </c>
      <c r="D1469">
        <v>167</v>
      </c>
      <c r="E1469">
        <v>305</v>
      </c>
      <c r="F1469" t="s">
        <v>82</v>
      </c>
      <c r="G1469">
        <v>7</v>
      </c>
      <c r="H1469">
        <v>550</v>
      </c>
      <c r="I1469">
        <v>1</v>
      </c>
      <c r="J1469">
        <v>0</v>
      </c>
      <c r="K1469">
        <v>1192571</v>
      </c>
      <c r="L1469">
        <v>1192572</v>
      </c>
      <c r="M1469">
        <v>38</v>
      </c>
      <c r="N1469" t="s">
        <v>275</v>
      </c>
      <c r="O1469" s="1">
        <v>45101.695138888892</v>
      </c>
      <c r="P1469" s="1">
        <v>45101.70416666667</v>
      </c>
    </row>
    <row r="1470" spans="1:16" x14ac:dyDescent="0.4">
      <c r="A1470">
        <v>4814</v>
      </c>
      <c r="B1470">
        <v>282839</v>
      </c>
      <c r="C1470" s="1">
        <v>45101</v>
      </c>
      <c r="D1470">
        <v>125</v>
      </c>
      <c r="E1470">
        <v>126</v>
      </c>
      <c r="F1470" t="s">
        <v>159</v>
      </c>
      <c r="G1470">
        <v>19</v>
      </c>
      <c r="H1470">
        <v>308</v>
      </c>
      <c r="I1470">
        <v>1</v>
      </c>
      <c r="J1470">
        <v>0</v>
      </c>
      <c r="K1470">
        <v>1192631</v>
      </c>
      <c r="L1470">
        <v>1192632</v>
      </c>
      <c r="M1470">
        <v>40</v>
      </c>
      <c r="N1470" t="s">
        <v>271</v>
      </c>
      <c r="O1470" s="1">
        <v>45101.740972222222</v>
      </c>
      <c r="P1470" s="1">
        <v>45101.809027777781</v>
      </c>
    </row>
    <row r="1471" spans="1:16" x14ac:dyDescent="0.4">
      <c r="A1471">
        <v>4815</v>
      </c>
      <c r="B1471">
        <v>282880</v>
      </c>
      <c r="C1471" s="1">
        <v>45101</v>
      </c>
      <c r="D1471">
        <v>126</v>
      </c>
      <c r="E1471">
        <v>138</v>
      </c>
      <c r="F1471" t="s">
        <v>181</v>
      </c>
      <c r="G1471">
        <v>6</v>
      </c>
      <c r="H1471">
        <v>418</v>
      </c>
      <c r="I1471">
        <v>1</v>
      </c>
      <c r="J1471">
        <v>0</v>
      </c>
      <c r="K1471">
        <v>1192833</v>
      </c>
      <c r="L1471">
        <v>1192834</v>
      </c>
      <c r="M1471">
        <v>120</v>
      </c>
      <c r="N1471" t="s">
        <v>12</v>
      </c>
      <c r="O1471" s="1">
        <v>45102.059027777781</v>
      </c>
      <c r="P1471" s="1">
        <v>45102.060416666667</v>
      </c>
    </row>
    <row r="1472" spans="1:16" x14ac:dyDescent="0.4">
      <c r="A1472">
        <v>4093</v>
      </c>
      <c r="B1472">
        <v>209674</v>
      </c>
      <c r="C1472" s="1">
        <v>43634</v>
      </c>
      <c r="D1472">
        <v>66</v>
      </c>
      <c r="E1472">
        <v>39</v>
      </c>
      <c r="F1472" t="s">
        <v>135</v>
      </c>
      <c r="G1472">
        <v>4</v>
      </c>
      <c r="H1472">
        <v>0</v>
      </c>
      <c r="I1472">
        <v>1</v>
      </c>
      <c r="J1472">
        <v>0</v>
      </c>
      <c r="K1472">
        <v>920688</v>
      </c>
      <c r="L1472">
        <v>920689</v>
      </c>
      <c r="M1472">
        <v>70</v>
      </c>
      <c r="N1472" t="s">
        <v>165</v>
      </c>
      <c r="O1472" s="1">
        <v>43635.041666666664</v>
      </c>
      <c r="P1472" s="1">
        <v>43635.168055555558</v>
      </c>
    </row>
    <row r="1473" spans="1:16" x14ac:dyDescent="0.4">
      <c r="A1473">
        <v>4094</v>
      </c>
      <c r="B1473">
        <v>209674</v>
      </c>
      <c r="C1473" s="1">
        <v>43634</v>
      </c>
      <c r="D1473">
        <v>90</v>
      </c>
      <c r="E1473">
        <v>71</v>
      </c>
      <c r="F1473" t="s">
        <v>91</v>
      </c>
      <c r="G1473">
        <v>4</v>
      </c>
      <c r="H1473">
        <v>0</v>
      </c>
      <c r="I1473">
        <v>1</v>
      </c>
      <c r="J1473">
        <v>0</v>
      </c>
      <c r="K1473">
        <v>920690</v>
      </c>
      <c r="L1473">
        <v>920691</v>
      </c>
      <c r="M1473">
        <v>70</v>
      </c>
      <c r="N1473" t="s">
        <v>165</v>
      </c>
      <c r="O1473" s="1">
        <v>43635.041666666664</v>
      </c>
      <c r="P1473" s="1">
        <v>43635.168055555558</v>
      </c>
    </row>
    <row r="1474" spans="1:16" x14ac:dyDescent="0.4">
      <c r="A1474">
        <v>4095</v>
      </c>
      <c r="B1474">
        <v>209674</v>
      </c>
      <c r="C1474" s="1">
        <v>43634</v>
      </c>
      <c r="D1474">
        <v>90</v>
      </c>
      <c r="E1474">
        <v>71</v>
      </c>
      <c r="F1474" t="s">
        <v>91</v>
      </c>
      <c r="G1474">
        <v>4</v>
      </c>
      <c r="H1474">
        <v>0</v>
      </c>
      <c r="I1474">
        <v>1</v>
      </c>
      <c r="J1474">
        <v>0</v>
      </c>
      <c r="K1474">
        <v>920692</v>
      </c>
      <c r="L1474">
        <v>920693</v>
      </c>
      <c r="M1474">
        <v>70</v>
      </c>
      <c r="N1474" t="s">
        <v>165</v>
      </c>
      <c r="O1474" s="1">
        <v>43635.056250000001</v>
      </c>
      <c r="P1474" s="1">
        <v>43635.168055555558</v>
      </c>
    </row>
    <row r="1475" spans="1:16" x14ac:dyDescent="0.4">
      <c r="A1475">
        <v>4096</v>
      </c>
      <c r="B1475">
        <v>209674</v>
      </c>
      <c r="C1475" s="1">
        <v>43634</v>
      </c>
      <c r="D1475">
        <v>66</v>
      </c>
      <c r="E1475">
        <v>39</v>
      </c>
      <c r="F1475" t="s">
        <v>135</v>
      </c>
      <c r="G1475">
        <v>4</v>
      </c>
      <c r="H1475">
        <v>0</v>
      </c>
      <c r="I1475">
        <v>1</v>
      </c>
      <c r="J1475">
        <v>0</v>
      </c>
      <c r="K1475">
        <v>920694</v>
      </c>
      <c r="L1475">
        <v>920695</v>
      </c>
      <c r="M1475">
        <v>70</v>
      </c>
      <c r="N1475" t="s">
        <v>165</v>
      </c>
      <c r="O1475" s="1">
        <v>43635.056250000001</v>
      </c>
      <c r="P1475" s="1">
        <v>43635.168055555558</v>
      </c>
    </row>
    <row r="1476" spans="1:16" x14ac:dyDescent="0.4">
      <c r="A1476">
        <v>4097</v>
      </c>
      <c r="B1476">
        <v>209674</v>
      </c>
      <c r="C1476" s="1">
        <v>43634</v>
      </c>
      <c r="D1476">
        <v>66</v>
      </c>
      <c r="E1476">
        <v>39</v>
      </c>
      <c r="F1476" t="s">
        <v>135</v>
      </c>
      <c r="G1476">
        <v>4</v>
      </c>
      <c r="H1476">
        <v>0</v>
      </c>
      <c r="I1476">
        <v>1</v>
      </c>
      <c r="J1476">
        <v>0</v>
      </c>
      <c r="K1476">
        <v>920696</v>
      </c>
      <c r="L1476">
        <v>920697</v>
      </c>
      <c r="M1476">
        <v>70</v>
      </c>
      <c r="N1476" t="s">
        <v>165</v>
      </c>
      <c r="O1476" s="1">
        <v>43635.081250000003</v>
      </c>
      <c r="P1476" s="1">
        <v>43635.168055555558</v>
      </c>
    </row>
    <row r="1477" spans="1:16" x14ac:dyDescent="0.4">
      <c r="A1477">
        <v>4098</v>
      </c>
      <c r="B1477">
        <v>209674</v>
      </c>
      <c r="C1477" s="1">
        <v>43634</v>
      </c>
      <c r="D1477">
        <v>66</v>
      </c>
      <c r="E1477">
        <v>39</v>
      </c>
      <c r="F1477" t="s">
        <v>135</v>
      </c>
      <c r="G1477">
        <v>4</v>
      </c>
      <c r="H1477">
        <v>0</v>
      </c>
      <c r="I1477">
        <v>1</v>
      </c>
      <c r="J1477">
        <v>0</v>
      </c>
      <c r="K1477">
        <v>920698</v>
      </c>
      <c r="L1477">
        <v>920699</v>
      </c>
      <c r="M1477">
        <v>70</v>
      </c>
      <c r="N1477" t="s">
        <v>165</v>
      </c>
      <c r="O1477" s="1">
        <v>43635.097222222219</v>
      </c>
      <c r="P1477" s="1">
        <v>43635.168055555558</v>
      </c>
    </row>
    <row r="1478" spans="1:16" x14ac:dyDescent="0.4">
      <c r="A1478">
        <v>4099</v>
      </c>
      <c r="B1478">
        <v>209674</v>
      </c>
      <c r="C1478" s="1">
        <v>43634</v>
      </c>
      <c r="D1478">
        <v>90</v>
      </c>
      <c r="E1478">
        <v>71</v>
      </c>
      <c r="F1478" t="s">
        <v>91</v>
      </c>
      <c r="G1478">
        <v>4</v>
      </c>
      <c r="H1478">
        <v>0</v>
      </c>
      <c r="I1478">
        <v>1</v>
      </c>
      <c r="J1478">
        <v>0</v>
      </c>
      <c r="K1478">
        <v>920700</v>
      </c>
      <c r="L1478">
        <v>920701</v>
      </c>
      <c r="M1478">
        <v>70</v>
      </c>
      <c r="N1478" t="s">
        <v>165</v>
      </c>
      <c r="O1478" s="1">
        <v>43635.097222222219</v>
      </c>
      <c r="P1478" s="1">
        <v>43635.168055555558</v>
      </c>
    </row>
    <row r="1479" spans="1:16" x14ac:dyDescent="0.4">
      <c r="A1479">
        <v>4816</v>
      </c>
      <c r="B1479">
        <v>282967</v>
      </c>
      <c r="C1479" s="1">
        <v>45102</v>
      </c>
      <c r="D1479">
        <v>66</v>
      </c>
      <c r="E1479">
        <v>39</v>
      </c>
      <c r="F1479" t="s">
        <v>135</v>
      </c>
      <c r="G1479">
        <v>4</v>
      </c>
      <c r="H1479">
        <v>0</v>
      </c>
      <c r="I1479">
        <v>1</v>
      </c>
      <c r="J1479">
        <v>0</v>
      </c>
      <c r="K1479">
        <v>1193111</v>
      </c>
      <c r="L1479">
        <v>1193112</v>
      </c>
      <c r="M1479">
        <v>95</v>
      </c>
      <c r="N1479" t="s">
        <v>68</v>
      </c>
      <c r="O1479" s="1">
        <v>45102.973611111112</v>
      </c>
      <c r="P1479" s="1">
        <v>45103.01666666667</v>
      </c>
    </row>
    <row r="1480" spans="1:16" x14ac:dyDescent="0.4">
      <c r="A1480">
        <v>4817</v>
      </c>
      <c r="B1480">
        <v>282967</v>
      </c>
      <c r="C1480" s="1">
        <v>45102</v>
      </c>
      <c r="D1480">
        <v>65</v>
      </c>
      <c r="E1480">
        <v>38</v>
      </c>
      <c r="F1480" t="s">
        <v>80</v>
      </c>
      <c r="G1480">
        <v>4</v>
      </c>
      <c r="H1480">
        <v>0</v>
      </c>
      <c r="I1480">
        <v>1</v>
      </c>
      <c r="J1480">
        <v>0</v>
      </c>
      <c r="K1480">
        <v>1193113</v>
      </c>
      <c r="L1480">
        <v>1193114</v>
      </c>
      <c r="M1480">
        <v>95</v>
      </c>
      <c r="N1480" t="s">
        <v>68</v>
      </c>
      <c r="O1480" s="1">
        <v>45102.973611111112</v>
      </c>
      <c r="P1480" s="1">
        <v>45103.01666666667</v>
      </c>
    </row>
    <row r="1481" spans="1:16" x14ac:dyDescent="0.4">
      <c r="A1481">
        <v>4818</v>
      </c>
      <c r="B1481">
        <v>282967</v>
      </c>
      <c r="C1481" s="1">
        <v>45102</v>
      </c>
      <c r="D1481">
        <v>57</v>
      </c>
      <c r="E1481">
        <v>30</v>
      </c>
      <c r="F1481" t="s">
        <v>227</v>
      </c>
      <c r="G1481">
        <v>4</v>
      </c>
      <c r="H1481">
        <v>0</v>
      </c>
      <c r="I1481">
        <v>1</v>
      </c>
      <c r="J1481">
        <v>0</v>
      </c>
      <c r="K1481">
        <v>1193115</v>
      </c>
      <c r="L1481">
        <v>1193116</v>
      </c>
      <c r="M1481">
        <v>95</v>
      </c>
      <c r="N1481" t="s">
        <v>68</v>
      </c>
      <c r="O1481" s="1">
        <v>45102.973611111112</v>
      </c>
      <c r="P1481" s="1">
        <v>45103.017361111109</v>
      </c>
    </row>
    <row r="1482" spans="1:16" x14ac:dyDescent="0.4">
      <c r="A1482">
        <v>4819</v>
      </c>
      <c r="B1482">
        <v>283122</v>
      </c>
      <c r="C1482" s="1">
        <v>45106</v>
      </c>
      <c r="D1482">
        <v>97</v>
      </c>
      <c r="E1482">
        <v>21</v>
      </c>
      <c r="F1482" t="s">
        <v>214</v>
      </c>
      <c r="G1482">
        <v>17</v>
      </c>
      <c r="H1482">
        <v>462</v>
      </c>
      <c r="I1482">
        <v>1</v>
      </c>
      <c r="J1482">
        <v>0</v>
      </c>
      <c r="K1482">
        <v>1193669</v>
      </c>
      <c r="L1482">
        <v>1193670</v>
      </c>
      <c r="M1482">
        <v>38</v>
      </c>
      <c r="N1482" t="s">
        <v>275</v>
      </c>
      <c r="O1482" s="1">
        <v>45106.505555555559</v>
      </c>
      <c r="P1482" s="1">
        <v>45106.617361111108</v>
      </c>
    </row>
    <row r="1483" spans="1:16" x14ac:dyDescent="0.4">
      <c r="A1483">
        <v>4821</v>
      </c>
      <c r="B1483">
        <v>283170</v>
      </c>
      <c r="C1483" s="1">
        <v>45106</v>
      </c>
      <c r="D1483">
        <v>125</v>
      </c>
      <c r="E1483">
        <v>126</v>
      </c>
      <c r="F1483" t="s">
        <v>159</v>
      </c>
      <c r="G1483">
        <v>8</v>
      </c>
      <c r="H1483">
        <v>308</v>
      </c>
      <c r="I1483">
        <v>1</v>
      </c>
      <c r="J1483">
        <v>0</v>
      </c>
      <c r="K1483">
        <v>1193781</v>
      </c>
      <c r="L1483">
        <v>1193782</v>
      </c>
      <c r="M1483">
        <v>120</v>
      </c>
      <c r="N1483" t="s">
        <v>12</v>
      </c>
      <c r="O1483" s="1">
        <v>45106.87777777778</v>
      </c>
      <c r="P1483" s="1">
        <v>45106.878472222219</v>
      </c>
    </row>
    <row r="1484" spans="1:16" x14ac:dyDescent="0.4">
      <c r="A1484">
        <v>4822</v>
      </c>
      <c r="B1484">
        <v>283238</v>
      </c>
      <c r="C1484" s="1">
        <v>45107</v>
      </c>
      <c r="D1484">
        <v>377</v>
      </c>
      <c r="E1484">
        <v>49</v>
      </c>
      <c r="F1484" t="s">
        <v>278</v>
      </c>
      <c r="G1484">
        <v>5</v>
      </c>
      <c r="H1484">
        <v>528</v>
      </c>
      <c r="I1484">
        <v>1</v>
      </c>
      <c r="J1484">
        <v>0</v>
      </c>
      <c r="K1484">
        <v>1194015</v>
      </c>
      <c r="L1484">
        <v>1194016</v>
      </c>
      <c r="M1484">
        <v>39</v>
      </c>
      <c r="N1484" t="s">
        <v>277</v>
      </c>
      <c r="O1484" s="1">
        <v>45107.969444444447</v>
      </c>
      <c r="P1484" s="1">
        <v>45107.973611111112</v>
      </c>
    </row>
    <row r="1485" spans="1:16" x14ac:dyDescent="0.4">
      <c r="A1485">
        <v>4823</v>
      </c>
      <c r="B1485">
        <v>283238</v>
      </c>
      <c r="C1485" s="1">
        <v>45107</v>
      </c>
      <c r="D1485">
        <v>377</v>
      </c>
      <c r="E1485">
        <v>49</v>
      </c>
      <c r="F1485" t="s">
        <v>278</v>
      </c>
      <c r="G1485">
        <v>5</v>
      </c>
      <c r="H1485">
        <v>528</v>
      </c>
      <c r="I1485">
        <v>1</v>
      </c>
      <c r="J1485">
        <v>0</v>
      </c>
      <c r="K1485">
        <v>1194017</v>
      </c>
      <c r="L1485">
        <v>1194018</v>
      </c>
      <c r="M1485">
        <v>39</v>
      </c>
      <c r="N1485" t="s">
        <v>277</v>
      </c>
      <c r="O1485" s="1">
        <v>45107.969444444447</v>
      </c>
      <c r="P1485" s="1">
        <v>45107.973611111112</v>
      </c>
    </row>
    <row r="1486" spans="1:16" x14ac:dyDescent="0.4">
      <c r="A1486">
        <v>4824</v>
      </c>
      <c r="B1486">
        <v>283815</v>
      </c>
      <c r="C1486" s="1">
        <v>45116</v>
      </c>
      <c r="D1486">
        <v>139</v>
      </c>
      <c r="E1486">
        <v>134</v>
      </c>
      <c r="F1486" t="s">
        <v>177</v>
      </c>
      <c r="G1486">
        <v>18</v>
      </c>
      <c r="H1486">
        <v>1628</v>
      </c>
      <c r="I1486">
        <v>1</v>
      </c>
      <c r="J1486">
        <v>0</v>
      </c>
      <c r="K1486">
        <v>1196037</v>
      </c>
      <c r="L1486">
        <v>1196038</v>
      </c>
      <c r="M1486">
        <v>110</v>
      </c>
      <c r="N1486" t="s">
        <v>262</v>
      </c>
      <c r="O1486" s="1">
        <v>45116.88958333333</v>
      </c>
      <c r="P1486" s="1">
        <v>45116.920138888891</v>
      </c>
    </row>
    <row r="1487" spans="1:16" x14ac:dyDescent="0.4">
      <c r="A1487">
        <v>4825</v>
      </c>
      <c r="B1487">
        <v>284191</v>
      </c>
      <c r="C1487" s="1">
        <v>45123</v>
      </c>
      <c r="D1487">
        <v>125</v>
      </c>
      <c r="E1487">
        <v>126</v>
      </c>
      <c r="F1487" t="s">
        <v>8</v>
      </c>
      <c r="G1487">
        <v>7</v>
      </c>
      <c r="H1487">
        <v>308</v>
      </c>
      <c r="I1487">
        <v>1</v>
      </c>
      <c r="J1487">
        <v>0</v>
      </c>
      <c r="K1487">
        <v>1197378</v>
      </c>
      <c r="L1487">
        <v>1197379</v>
      </c>
      <c r="M1487">
        <v>38</v>
      </c>
      <c r="N1487" t="s">
        <v>275</v>
      </c>
      <c r="O1487" s="1">
        <v>45123.623611111114</v>
      </c>
      <c r="P1487" s="1">
        <v>45123.681250000001</v>
      </c>
    </row>
    <row r="1488" spans="1:16" x14ac:dyDescent="0.4">
      <c r="A1488">
        <v>4826</v>
      </c>
      <c r="B1488">
        <v>284235</v>
      </c>
      <c r="C1488" s="1">
        <v>45123</v>
      </c>
      <c r="D1488">
        <v>57</v>
      </c>
      <c r="E1488">
        <v>30</v>
      </c>
      <c r="F1488" t="s">
        <v>227</v>
      </c>
      <c r="G1488">
        <v>6</v>
      </c>
      <c r="H1488">
        <v>440</v>
      </c>
      <c r="I1488">
        <v>1</v>
      </c>
      <c r="J1488">
        <v>0</v>
      </c>
      <c r="K1488">
        <v>1197488</v>
      </c>
      <c r="L1488">
        <v>1197489</v>
      </c>
      <c r="M1488">
        <v>104</v>
      </c>
      <c r="N1488" t="s">
        <v>248</v>
      </c>
      <c r="O1488" s="1">
        <v>45123.88958333333</v>
      </c>
      <c r="P1488" s="1">
        <v>45123.88958333333</v>
      </c>
    </row>
    <row r="1489" spans="1:16" x14ac:dyDescent="0.4">
      <c r="A1489">
        <v>4827</v>
      </c>
      <c r="B1489">
        <v>284250</v>
      </c>
      <c r="C1489" s="1">
        <v>45124</v>
      </c>
      <c r="D1489">
        <v>125</v>
      </c>
      <c r="E1489">
        <v>126</v>
      </c>
      <c r="F1489" t="s">
        <v>8</v>
      </c>
      <c r="G1489">
        <v>2</v>
      </c>
      <c r="H1489">
        <v>308</v>
      </c>
      <c r="I1489">
        <v>1</v>
      </c>
      <c r="J1489">
        <v>0</v>
      </c>
      <c r="K1489">
        <v>1197605</v>
      </c>
      <c r="L1489">
        <v>1197606</v>
      </c>
      <c r="M1489">
        <v>38</v>
      </c>
      <c r="N1489" t="s">
        <v>275</v>
      </c>
      <c r="O1489" s="1">
        <v>45124.479166666664</v>
      </c>
      <c r="P1489" s="1">
        <v>45124.541666666664</v>
      </c>
    </row>
    <row r="1490" spans="1:16" x14ac:dyDescent="0.4">
      <c r="A1490">
        <v>4830</v>
      </c>
      <c r="B1490">
        <v>284630</v>
      </c>
      <c r="C1490" s="1">
        <v>45129</v>
      </c>
      <c r="D1490">
        <v>182</v>
      </c>
      <c r="E1490">
        <v>143</v>
      </c>
      <c r="F1490" t="s">
        <v>279</v>
      </c>
      <c r="G1490">
        <v>5</v>
      </c>
      <c r="H1490">
        <v>528</v>
      </c>
      <c r="I1490">
        <v>1</v>
      </c>
      <c r="J1490">
        <v>0</v>
      </c>
      <c r="K1490">
        <v>1198878</v>
      </c>
      <c r="L1490">
        <v>1198879</v>
      </c>
      <c r="M1490">
        <v>40</v>
      </c>
      <c r="N1490" t="s">
        <v>271</v>
      </c>
      <c r="O1490" s="1">
        <v>45129.959027777775</v>
      </c>
      <c r="P1490" s="1">
        <v>45129.995138888888</v>
      </c>
    </row>
    <row r="1491" spans="1:16" x14ac:dyDescent="0.4">
      <c r="A1491">
        <v>4831</v>
      </c>
      <c r="B1491">
        <v>284633</v>
      </c>
      <c r="C1491" s="1">
        <v>45129</v>
      </c>
      <c r="D1491">
        <v>125</v>
      </c>
      <c r="E1491">
        <v>126</v>
      </c>
      <c r="F1491" t="s">
        <v>8</v>
      </c>
      <c r="G1491">
        <v>7</v>
      </c>
      <c r="H1491">
        <v>308</v>
      </c>
      <c r="I1491">
        <v>1</v>
      </c>
      <c r="J1491">
        <v>0</v>
      </c>
      <c r="K1491">
        <v>1198908</v>
      </c>
      <c r="L1491">
        <v>1198909</v>
      </c>
      <c r="M1491">
        <v>120</v>
      </c>
      <c r="N1491" t="s">
        <v>12</v>
      </c>
      <c r="O1491" s="1">
        <v>45129.996527777781</v>
      </c>
      <c r="P1491" s="1">
        <v>45130.056944444441</v>
      </c>
    </row>
    <row r="1492" spans="1:16" x14ac:dyDescent="0.4">
      <c r="A1492">
        <v>4832</v>
      </c>
      <c r="B1492">
        <v>284637</v>
      </c>
      <c r="C1492" s="1">
        <v>45129</v>
      </c>
      <c r="D1492">
        <v>57</v>
      </c>
      <c r="E1492">
        <v>30</v>
      </c>
      <c r="F1492" t="s">
        <v>227</v>
      </c>
      <c r="G1492">
        <v>8</v>
      </c>
      <c r="H1492">
        <v>440</v>
      </c>
      <c r="I1492">
        <v>1</v>
      </c>
      <c r="J1492">
        <v>0</v>
      </c>
      <c r="K1492">
        <v>1198920</v>
      </c>
      <c r="L1492">
        <v>1198921</v>
      </c>
      <c r="M1492">
        <v>38</v>
      </c>
      <c r="N1492" t="s">
        <v>275</v>
      </c>
      <c r="O1492" s="1">
        <v>45130.095833333333</v>
      </c>
      <c r="P1492" s="1">
        <v>45130.104861111111</v>
      </c>
    </row>
    <row r="1493" spans="1:16" x14ac:dyDescent="0.4">
      <c r="A1493">
        <v>4833</v>
      </c>
      <c r="B1493">
        <v>285059</v>
      </c>
      <c r="C1493" s="1">
        <v>45136</v>
      </c>
      <c r="D1493">
        <v>188</v>
      </c>
      <c r="E1493">
        <v>227</v>
      </c>
      <c r="F1493" t="s">
        <v>113</v>
      </c>
      <c r="G1493">
        <v>5</v>
      </c>
      <c r="H1493">
        <v>0</v>
      </c>
      <c r="I1493">
        <v>1</v>
      </c>
      <c r="J1493">
        <v>0</v>
      </c>
      <c r="K1493">
        <v>1200393</v>
      </c>
      <c r="L1493">
        <v>1200394</v>
      </c>
      <c r="M1493">
        <v>104</v>
      </c>
      <c r="N1493" t="s">
        <v>248</v>
      </c>
      <c r="O1493" s="1">
        <v>45136.909722222219</v>
      </c>
      <c r="P1493" s="1">
        <v>45136.909722222219</v>
      </c>
    </row>
    <row r="1494" spans="1:16" x14ac:dyDescent="0.4">
      <c r="A1494">
        <v>4834</v>
      </c>
      <c r="B1494">
        <v>285074</v>
      </c>
      <c r="C1494" s="1">
        <v>45136</v>
      </c>
      <c r="D1494">
        <v>287</v>
      </c>
      <c r="E1494">
        <v>22</v>
      </c>
      <c r="F1494" t="s">
        <v>224</v>
      </c>
      <c r="G1494">
        <v>4</v>
      </c>
      <c r="H1494">
        <v>0</v>
      </c>
      <c r="I1494">
        <v>2</v>
      </c>
      <c r="J1494">
        <v>0</v>
      </c>
      <c r="K1494">
        <v>1200444</v>
      </c>
      <c r="L1494">
        <v>1200445</v>
      </c>
      <c r="M1494">
        <v>104</v>
      </c>
      <c r="N1494" t="s">
        <v>248</v>
      </c>
      <c r="O1494" s="1">
        <v>45136.990277777775</v>
      </c>
      <c r="P1494" s="1">
        <v>45136.991666666669</v>
      </c>
    </row>
    <row r="1495" spans="1:16" x14ac:dyDescent="0.4">
      <c r="A1495">
        <v>4835</v>
      </c>
      <c r="B1495">
        <v>285267</v>
      </c>
      <c r="C1495" s="1">
        <v>45139</v>
      </c>
      <c r="D1495">
        <v>290</v>
      </c>
      <c r="E1495">
        <v>1260</v>
      </c>
      <c r="F1495" t="s">
        <v>280</v>
      </c>
      <c r="G1495">
        <v>15</v>
      </c>
      <c r="H1495">
        <v>440</v>
      </c>
      <c r="I1495">
        <v>1</v>
      </c>
      <c r="J1495">
        <v>0</v>
      </c>
      <c r="K1495">
        <v>1201103</v>
      </c>
      <c r="L1495">
        <v>1201104</v>
      </c>
      <c r="M1495">
        <v>38</v>
      </c>
      <c r="N1495" t="s">
        <v>275</v>
      </c>
      <c r="O1495" s="1">
        <v>45139.632638888892</v>
      </c>
      <c r="P1495" s="1">
        <v>45139.633333333331</v>
      </c>
    </row>
    <row r="1496" spans="1:16" x14ac:dyDescent="0.4">
      <c r="A1496">
        <v>4836</v>
      </c>
      <c r="B1496">
        <v>285909</v>
      </c>
      <c r="C1496" s="1">
        <v>45149</v>
      </c>
      <c r="D1496">
        <v>125</v>
      </c>
      <c r="E1496">
        <v>126</v>
      </c>
      <c r="F1496" t="s">
        <v>8</v>
      </c>
      <c r="G1496">
        <v>1</v>
      </c>
      <c r="H1496">
        <v>308</v>
      </c>
      <c r="I1496">
        <v>1</v>
      </c>
      <c r="J1496">
        <v>0</v>
      </c>
      <c r="K1496">
        <v>1203283</v>
      </c>
      <c r="L1496">
        <v>1203284</v>
      </c>
      <c r="M1496">
        <v>38</v>
      </c>
      <c r="N1496" t="s">
        <v>275</v>
      </c>
      <c r="O1496" s="1">
        <v>45149.579861111109</v>
      </c>
      <c r="P1496" s="1">
        <v>45149.583333333336</v>
      </c>
    </row>
    <row r="1497" spans="1:16" x14ac:dyDescent="0.4">
      <c r="A1497">
        <v>4837</v>
      </c>
      <c r="B1497">
        <v>286086</v>
      </c>
      <c r="C1497" s="1">
        <v>45151</v>
      </c>
      <c r="D1497">
        <v>407</v>
      </c>
      <c r="E1497">
        <v>2</v>
      </c>
      <c r="F1497" t="s">
        <v>281</v>
      </c>
      <c r="G1497">
        <v>5</v>
      </c>
      <c r="H1497">
        <v>0</v>
      </c>
      <c r="I1497">
        <v>1</v>
      </c>
      <c r="J1497">
        <v>0</v>
      </c>
      <c r="K1497">
        <v>1203925</v>
      </c>
      <c r="L1497">
        <v>1203926</v>
      </c>
      <c r="M1497">
        <v>38</v>
      </c>
      <c r="N1497" t="s">
        <v>275</v>
      </c>
      <c r="O1497" s="1">
        <v>45151.679861111108</v>
      </c>
      <c r="P1497" s="1">
        <v>45151.679861111108</v>
      </c>
    </row>
    <row r="1498" spans="1:16" x14ac:dyDescent="0.4">
      <c r="A1498">
        <v>4838</v>
      </c>
      <c r="B1498">
        <v>286542</v>
      </c>
      <c r="C1498" s="1">
        <v>45157</v>
      </c>
      <c r="D1498">
        <v>57</v>
      </c>
      <c r="E1498">
        <v>30</v>
      </c>
      <c r="F1498" t="s">
        <v>227</v>
      </c>
      <c r="G1498">
        <v>1</v>
      </c>
      <c r="H1498">
        <v>440</v>
      </c>
      <c r="I1498">
        <v>3</v>
      </c>
      <c r="J1498">
        <v>0</v>
      </c>
      <c r="K1498">
        <v>1205605</v>
      </c>
      <c r="L1498">
        <v>1205606</v>
      </c>
      <c r="M1498">
        <v>113</v>
      </c>
      <c r="N1498" t="s">
        <v>268</v>
      </c>
      <c r="O1498" s="1">
        <v>45158.203472222223</v>
      </c>
      <c r="P1498" s="1">
        <v>45158.224305555559</v>
      </c>
    </row>
    <row r="1499" spans="1:16" x14ac:dyDescent="0.4">
      <c r="A1499">
        <v>4839</v>
      </c>
      <c r="B1499">
        <v>287073</v>
      </c>
      <c r="C1499" s="1">
        <v>45166</v>
      </c>
      <c r="D1499">
        <v>290</v>
      </c>
      <c r="E1499">
        <v>1260</v>
      </c>
      <c r="F1499" t="s">
        <v>280</v>
      </c>
      <c r="G1499">
        <v>8</v>
      </c>
      <c r="H1499">
        <v>440</v>
      </c>
      <c r="I1499">
        <v>1</v>
      </c>
      <c r="J1499">
        <v>0</v>
      </c>
      <c r="K1499">
        <v>1207464</v>
      </c>
      <c r="L1499">
        <v>1207465</v>
      </c>
      <c r="M1499">
        <v>38</v>
      </c>
      <c r="N1499" t="s">
        <v>275</v>
      </c>
      <c r="O1499" s="1">
        <v>45166.507638888892</v>
      </c>
      <c r="P1499" s="1">
        <v>45166.520138888889</v>
      </c>
    </row>
    <row r="1500" spans="1:16" x14ac:dyDescent="0.4">
      <c r="A1500">
        <v>4840</v>
      </c>
      <c r="B1500">
        <v>287806</v>
      </c>
      <c r="C1500" s="1">
        <v>45177</v>
      </c>
      <c r="D1500">
        <v>291</v>
      </c>
      <c r="E1500">
        <v>122</v>
      </c>
      <c r="F1500" t="s">
        <v>98</v>
      </c>
      <c r="G1500">
        <v>8</v>
      </c>
      <c r="H1500">
        <v>495</v>
      </c>
      <c r="I1500">
        <v>1</v>
      </c>
      <c r="J1500">
        <v>0</v>
      </c>
      <c r="K1500">
        <v>1209897</v>
      </c>
      <c r="L1500">
        <v>1209898</v>
      </c>
      <c r="M1500">
        <v>104</v>
      </c>
      <c r="N1500" t="s">
        <v>248</v>
      </c>
      <c r="O1500" s="1">
        <v>45178.052083333336</v>
      </c>
      <c r="P1500" s="1">
        <v>45178.052083333336</v>
      </c>
    </row>
    <row r="1501" spans="1:16" x14ac:dyDescent="0.4">
      <c r="A1501">
        <v>4841</v>
      </c>
      <c r="B1501">
        <v>288142</v>
      </c>
      <c r="C1501" s="1">
        <v>45183</v>
      </c>
      <c r="D1501">
        <v>125</v>
      </c>
      <c r="E1501">
        <v>126</v>
      </c>
      <c r="F1501" t="s">
        <v>8</v>
      </c>
      <c r="G1501">
        <v>6</v>
      </c>
      <c r="H1501">
        <v>308</v>
      </c>
      <c r="I1501">
        <v>1</v>
      </c>
      <c r="J1501">
        <v>0</v>
      </c>
      <c r="K1501">
        <v>1211040</v>
      </c>
      <c r="L1501">
        <v>1211041</v>
      </c>
      <c r="M1501">
        <v>120</v>
      </c>
      <c r="N1501" t="s">
        <v>12</v>
      </c>
      <c r="O1501" s="1">
        <v>45183.854166666664</v>
      </c>
      <c r="P1501" s="1">
        <v>45183.854166666664</v>
      </c>
    </row>
    <row r="1502" spans="1:16" x14ac:dyDescent="0.4">
      <c r="A1502">
        <v>4842</v>
      </c>
      <c r="B1502">
        <v>288308</v>
      </c>
      <c r="C1502" s="1">
        <v>45186</v>
      </c>
      <c r="D1502">
        <v>59</v>
      </c>
      <c r="E1502">
        <v>32</v>
      </c>
      <c r="F1502" t="s">
        <v>282</v>
      </c>
      <c r="G1502">
        <v>11</v>
      </c>
      <c r="H1502">
        <v>440</v>
      </c>
      <c r="I1502">
        <v>1</v>
      </c>
      <c r="J1502">
        <v>0</v>
      </c>
      <c r="K1502">
        <v>1211651</v>
      </c>
      <c r="L1502">
        <v>1211652</v>
      </c>
      <c r="M1502">
        <v>118</v>
      </c>
      <c r="N1502" t="s">
        <v>240</v>
      </c>
      <c r="O1502" s="1">
        <v>45186.436111111114</v>
      </c>
      <c r="P1502" s="1">
        <v>45186.449305555558</v>
      </c>
    </row>
    <row r="1503" spans="1:16" x14ac:dyDescent="0.4">
      <c r="A1503">
        <v>4843</v>
      </c>
      <c r="B1503">
        <v>288883</v>
      </c>
      <c r="C1503" s="1">
        <v>45194</v>
      </c>
      <c r="D1503">
        <v>299</v>
      </c>
      <c r="E1503">
        <v>552</v>
      </c>
      <c r="F1503" t="s">
        <v>283</v>
      </c>
      <c r="G1503">
        <v>8</v>
      </c>
      <c r="H1503">
        <v>550</v>
      </c>
      <c r="I1503">
        <v>1</v>
      </c>
      <c r="J1503">
        <v>0</v>
      </c>
      <c r="K1503">
        <v>1213586</v>
      </c>
      <c r="L1503">
        <v>1213587</v>
      </c>
      <c r="M1503">
        <v>104</v>
      </c>
      <c r="N1503" t="s">
        <v>248</v>
      </c>
      <c r="O1503" s="1">
        <v>45194.969444444447</v>
      </c>
      <c r="P1503" s="1">
        <v>45194.979861111111</v>
      </c>
    </row>
    <row r="1504" spans="1:16" x14ac:dyDescent="0.4">
      <c r="A1504">
        <v>4844</v>
      </c>
      <c r="B1504">
        <v>288975</v>
      </c>
      <c r="C1504" s="1">
        <v>45196</v>
      </c>
      <c r="D1504">
        <v>280</v>
      </c>
      <c r="E1504">
        <v>1266</v>
      </c>
      <c r="F1504" t="s">
        <v>284</v>
      </c>
      <c r="G1504">
        <v>8</v>
      </c>
      <c r="H1504">
        <v>605</v>
      </c>
      <c r="I1504">
        <v>1</v>
      </c>
      <c r="J1504">
        <v>0</v>
      </c>
      <c r="K1504">
        <v>1213879</v>
      </c>
      <c r="L1504">
        <v>1213880</v>
      </c>
      <c r="M1504">
        <v>112</v>
      </c>
      <c r="N1504" t="s">
        <v>285</v>
      </c>
      <c r="O1504" s="1">
        <v>45196.830555555556</v>
      </c>
      <c r="P1504" s="1">
        <v>45196.867361111108</v>
      </c>
    </row>
    <row r="1505" spans="1:16" x14ac:dyDescent="0.4">
      <c r="A1505">
        <v>4845</v>
      </c>
      <c r="B1505">
        <v>288975</v>
      </c>
      <c r="C1505" s="1">
        <v>45196</v>
      </c>
      <c r="D1505">
        <v>298</v>
      </c>
      <c r="E1505">
        <v>544</v>
      </c>
      <c r="F1505" t="s">
        <v>286</v>
      </c>
      <c r="G1505">
        <v>8</v>
      </c>
      <c r="H1505">
        <v>275</v>
      </c>
      <c r="I1505">
        <v>1</v>
      </c>
      <c r="J1505">
        <v>0</v>
      </c>
      <c r="K1505">
        <v>1213881</v>
      </c>
      <c r="L1505">
        <v>1213882</v>
      </c>
      <c r="M1505">
        <v>112</v>
      </c>
      <c r="N1505" t="s">
        <v>285</v>
      </c>
      <c r="O1505" s="1">
        <v>45196.830555555556</v>
      </c>
      <c r="P1505" s="1">
        <v>45196.867361111108</v>
      </c>
    </row>
    <row r="1506" spans="1:16" x14ac:dyDescent="0.4">
      <c r="A1506">
        <v>4846</v>
      </c>
      <c r="B1506">
        <v>288975</v>
      </c>
      <c r="C1506" s="1">
        <v>45196</v>
      </c>
      <c r="D1506">
        <v>280</v>
      </c>
      <c r="E1506">
        <v>1266</v>
      </c>
      <c r="F1506" t="s">
        <v>284</v>
      </c>
      <c r="G1506">
        <v>8</v>
      </c>
      <c r="H1506">
        <v>605</v>
      </c>
      <c r="I1506">
        <v>1</v>
      </c>
      <c r="J1506">
        <v>0</v>
      </c>
      <c r="K1506">
        <v>1213883</v>
      </c>
      <c r="L1506">
        <v>1213884</v>
      </c>
      <c r="M1506">
        <v>112</v>
      </c>
      <c r="N1506" t="s">
        <v>285</v>
      </c>
      <c r="O1506" s="1">
        <v>45196.830555555556</v>
      </c>
      <c r="P1506" s="1">
        <v>45196.867361111108</v>
      </c>
    </row>
    <row r="1507" spans="1:16" x14ac:dyDescent="0.4">
      <c r="A1507">
        <v>4847</v>
      </c>
      <c r="B1507">
        <v>288975</v>
      </c>
      <c r="C1507" s="1">
        <v>45196</v>
      </c>
      <c r="D1507">
        <v>298</v>
      </c>
      <c r="E1507">
        <v>544</v>
      </c>
      <c r="F1507" t="s">
        <v>286</v>
      </c>
      <c r="G1507">
        <v>8</v>
      </c>
      <c r="H1507">
        <v>275</v>
      </c>
      <c r="I1507">
        <v>1</v>
      </c>
      <c r="J1507">
        <v>0</v>
      </c>
      <c r="K1507">
        <v>1213885</v>
      </c>
      <c r="L1507">
        <v>1213886</v>
      </c>
      <c r="M1507">
        <v>112</v>
      </c>
      <c r="N1507" t="s">
        <v>285</v>
      </c>
      <c r="O1507" s="1">
        <v>45196.830555555556</v>
      </c>
      <c r="P1507" s="1">
        <v>45196.867361111108</v>
      </c>
    </row>
    <row r="1508" spans="1:16" x14ac:dyDescent="0.4">
      <c r="A1508">
        <v>4848</v>
      </c>
      <c r="B1508">
        <v>288991</v>
      </c>
      <c r="C1508" s="1">
        <v>45197</v>
      </c>
      <c r="D1508">
        <v>280</v>
      </c>
      <c r="E1508">
        <v>1266</v>
      </c>
      <c r="F1508" t="s">
        <v>284</v>
      </c>
      <c r="G1508">
        <v>2</v>
      </c>
      <c r="H1508">
        <v>605</v>
      </c>
      <c r="I1508">
        <v>1</v>
      </c>
      <c r="J1508">
        <v>0</v>
      </c>
      <c r="K1508">
        <v>1213963</v>
      </c>
      <c r="L1508">
        <v>1213964</v>
      </c>
      <c r="M1508">
        <v>38</v>
      </c>
      <c r="N1508" t="s">
        <v>275</v>
      </c>
      <c r="O1508" s="1">
        <v>45197.525000000001</v>
      </c>
      <c r="P1508" s="1">
        <v>45197.600694444445</v>
      </c>
    </row>
    <row r="1509" spans="1:16" x14ac:dyDescent="0.4">
      <c r="A1509">
        <v>4849</v>
      </c>
      <c r="B1509">
        <v>289144</v>
      </c>
      <c r="C1509" s="1">
        <v>45199</v>
      </c>
      <c r="D1509">
        <v>280</v>
      </c>
      <c r="E1509">
        <v>1266</v>
      </c>
      <c r="F1509" t="s">
        <v>284</v>
      </c>
      <c r="G1509">
        <v>19</v>
      </c>
      <c r="H1509">
        <v>605</v>
      </c>
      <c r="I1509">
        <v>1</v>
      </c>
      <c r="J1509">
        <v>0</v>
      </c>
      <c r="K1509">
        <v>1214520</v>
      </c>
      <c r="L1509">
        <v>1214521</v>
      </c>
      <c r="M1509">
        <v>118</v>
      </c>
      <c r="N1509" t="s">
        <v>240</v>
      </c>
      <c r="O1509" s="1">
        <v>45199.70208333333</v>
      </c>
      <c r="P1509" s="1">
        <v>45199.754861111112</v>
      </c>
    </row>
    <row r="1510" spans="1:16" x14ac:dyDescent="0.4">
      <c r="A1510">
        <v>4850</v>
      </c>
      <c r="B1510">
        <v>289234</v>
      </c>
      <c r="C1510" s="1">
        <v>45200</v>
      </c>
      <c r="D1510">
        <v>125</v>
      </c>
      <c r="E1510">
        <v>126</v>
      </c>
      <c r="F1510" t="s">
        <v>8</v>
      </c>
      <c r="G1510">
        <v>4</v>
      </c>
      <c r="H1510">
        <v>308</v>
      </c>
      <c r="I1510">
        <v>1</v>
      </c>
      <c r="J1510">
        <v>0</v>
      </c>
      <c r="K1510">
        <v>1214817</v>
      </c>
      <c r="L1510">
        <v>1214818</v>
      </c>
      <c r="M1510">
        <v>118</v>
      </c>
      <c r="N1510" t="s">
        <v>240</v>
      </c>
      <c r="O1510" s="1">
        <v>45200.536111111112</v>
      </c>
      <c r="P1510" s="1">
        <v>45200.640277777777</v>
      </c>
    </row>
    <row r="1511" spans="1:16" x14ac:dyDescent="0.4">
      <c r="A1511">
        <v>4851</v>
      </c>
      <c r="B1511">
        <v>289613</v>
      </c>
      <c r="C1511" s="1">
        <v>45206</v>
      </c>
      <c r="D1511">
        <v>323</v>
      </c>
      <c r="E1511">
        <v>1</v>
      </c>
      <c r="F1511" t="s">
        <v>233</v>
      </c>
      <c r="G1511">
        <v>11</v>
      </c>
      <c r="H1511">
        <v>495</v>
      </c>
      <c r="I1511">
        <v>1</v>
      </c>
      <c r="J1511">
        <v>0</v>
      </c>
      <c r="K1511">
        <v>1216098</v>
      </c>
      <c r="L1511">
        <v>1216099</v>
      </c>
      <c r="M1511">
        <v>120</v>
      </c>
      <c r="N1511" t="s">
        <v>12</v>
      </c>
      <c r="O1511" s="1">
        <v>45207.018750000003</v>
      </c>
      <c r="P1511" s="1">
        <v>45207.044444444444</v>
      </c>
    </row>
    <row r="1512" spans="1:16" x14ac:dyDescent="0.4">
      <c r="A1512">
        <v>4852</v>
      </c>
      <c r="B1512">
        <v>289698</v>
      </c>
      <c r="C1512" s="1">
        <v>45208</v>
      </c>
      <c r="D1512">
        <v>125</v>
      </c>
      <c r="E1512">
        <v>126</v>
      </c>
      <c r="F1512" t="s">
        <v>8</v>
      </c>
      <c r="G1512">
        <v>7</v>
      </c>
      <c r="H1512">
        <v>308</v>
      </c>
      <c r="I1512">
        <v>1</v>
      </c>
      <c r="J1512">
        <v>0</v>
      </c>
      <c r="K1512">
        <v>1216407</v>
      </c>
      <c r="L1512">
        <v>1216408</v>
      </c>
      <c r="M1512">
        <v>0</v>
      </c>
      <c r="N1512" t="s">
        <v>94</v>
      </c>
      <c r="O1512" s="1">
        <v>45208.456250000003</v>
      </c>
      <c r="P1512" s="1">
        <v>45208.456250000003</v>
      </c>
    </row>
    <row r="1513" spans="1:16" x14ac:dyDescent="0.4">
      <c r="A1513">
        <v>4853</v>
      </c>
      <c r="B1513">
        <v>291245</v>
      </c>
      <c r="C1513" s="1">
        <v>45233</v>
      </c>
      <c r="D1513">
        <v>125</v>
      </c>
      <c r="E1513">
        <v>126</v>
      </c>
      <c r="F1513" t="s">
        <v>8</v>
      </c>
      <c r="G1513">
        <v>10</v>
      </c>
      <c r="H1513">
        <v>308</v>
      </c>
      <c r="I1513">
        <v>1</v>
      </c>
      <c r="J1513">
        <v>0</v>
      </c>
      <c r="K1513">
        <v>1221673</v>
      </c>
      <c r="L1513">
        <v>1221674</v>
      </c>
      <c r="M1513">
        <v>0</v>
      </c>
      <c r="N1513" t="s">
        <v>94</v>
      </c>
      <c r="O1513" s="1">
        <v>45233.741666666669</v>
      </c>
      <c r="P1513" s="1">
        <v>45233.741666666669</v>
      </c>
    </row>
    <row r="1514" spans="1:16" x14ac:dyDescent="0.4">
      <c r="A1514">
        <v>4854</v>
      </c>
      <c r="B1514">
        <v>291361</v>
      </c>
      <c r="C1514" s="1">
        <v>45234</v>
      </c>
      <c r="D1514">
        <v>172</v>
      </c>
      <c r="E1514">
        <v>107</v>
      </c>
      <c r="F1514" t="s">
        <v>209</v>
      </c>
      <c r="G1514">
        <v>3</v>
      </c>
      <c r="H1514">
        <v>385</v>
      </c>
      <c r="I1514">
        <v>1</v>
      </c>
      <c r="J1514">
        <v>0</v>
      </c>
      <c r="K1514">
        <v>1222109</v>
      </c>
      <c r="L1514">
        <v>1222110</v>
      </c>
      <c r="M1514">
        <v>104</v>
      </c>
      <c r="N1514" t="s">
        <v>248</v>
      </c>
      <c r="O1514" s="1">
        <v>45235.004861111112</v>
      </c>
      <c r="P1514" s="1">
        <v>45235.013194444444</v>
      </c>
    </row>
    <row r="1515" spans="1:16" x14ac:dyDescent="0.4">
      <c r="A1515">
        <v>4855</v>
      </c>
      <c r="B1515">
        <v>291361</v>
      </c>
      <c r="C1515" s="1">
        <v>45234</v>
      </c>
      <c r="D1515">
        <v>173</v>
      </c>
      <c r="E1515">
        <v>108</v>
      </c>
      <c r="F1515" t="s">
        <v>156</v>
      </c>
      <c r="G1515">
        <v>3</v>
      </c>
      <c r="H1515">
        <v>385</v>
      </c>
      <c r="I1515">
        <v>1</v>
      </c>
      <c r="J1515">
        <v>0</v>
      </c>
      <c r="K1515">
        <v>1222111</v>
      </c>
      <c r="L1515">
        <v>1222112</v>
      </c>
      <c r="M1515">
        <v>104</v>
      </c>
      <c r="N1515" t="s">
        <v>248</v>
      </c>
      <c r="O1515" s="1">
        <v>45235.004861111112</v>
      </c>
      <c r="P1515" s="1">
        <v>45235.013194444444</v>
      </c>
    </row>
    <row r="1516" spans="1:16" x14ac:dyDescent="0.4">
      <c r="A1516">
        <v>4856</v>
      </c>
      <c r="B1516">
        <v>291754</v>
      </c>
      <c r="C1516" s="1">
        <v>45241</v>
      </c>
      <c r="D1516">
        <v>57</v>
      </c>
      <c r="E1516">
        <v>30</v>
      </c>
      <c r="F1516" t="s">
        <v>227</v>
      </c>
      <c r="G1516">
        <v>12</v>
      </c>
      <c r="H1516">
        <v>0</v>
      </c>
      <c r="I1516">
        <v>3</v>
      </c>
      <c r="J1516">
        <v>0</v>
      </c>
      <c r="K1516">
        <v>1223517</v>
      </c>
      <c r="L1516">
        <v>1223518</v>
      </c>
      <c r="M1516">
        <v>113</v>
      </c>
      <c r="N1516" t="s">
        <v>268</v>
      </c>
      <c r="O1516" s="1">
        <v>45241.977083333331</v>
      </c>
      <c r="P1516" s="1">
        <v>45242.009027777778</v>
      </c>
    </row>
    <row r="1517" spans="1:16" x14ac:dyDescent="0.4">
      <c r="A1517">
        <v>4857</v>
      </c>
      <c r="B1517">
        <v>292470</v>
      </c>
      <c r="C1517" s="1">
        <v>45254</v>
      </c>
      <c r="D1517">
        <v>105</v>
      </c>
      <c r="E1517">
        <v>86</v>
      </c>
      <c r="F1517" t="s">
        <v>287</v>
      </c>
      <c r="G1517">
        <v>7</v>
      </c>
      <c r="H1517">
        <v>1980</v>
      </c>
      <c r="I1517">
        <v>1</v>
      </c>
      <c r="J1517">
        <v>0</v>
      </c>
      <c r="K1517">
        <v>1225950</v>
      </c>
      <c r="L1517">
        <v>1225951</v>
      </c>
      <c r="M1517">
        <v>39</v>
      </c>
      <c r="N1517" t="s">
        <v>277</v>
      </c>
      <c r="O1517" s="1">
        <v>45254.852083333331</v>
      </c>
      <c r="P1517" s="1">
        <v>45254.87222222222</v>
      </c>
    </row>
    <row r="1518" spans="1:16" x14ac:dyDescent="0.4">
      <c r="A1518">
        <v>4858</v>
      </c>
      <c r="B1518">
        <v>292470</v>
      </c>
      <c r="C1518" s="1">
        <v>45254</v>
      </c>
      <c r="D1518">
        <v>105</v>
      </c>
      <c r="E1518">
        <v>86</v>
      </c>
      <c r="F1518" t="s">
        <v>287</v>
      </c>
      <c r="G1518">
        <v>7</v>
      </c>
      <c r="H1518">
        <v>1980</v>
      </c>
      <c r="I1518">
        <v>1</v>
      </c>
      <c r="J1518">
        <v>0</v>
      </c>
      <c r="K1518">
        <v>1225952</v>
      </c>
      <c r="L1518">
        <v>1225953</v>
      </c>
      <c r="M1518">
        <v>39</v>
      </c>
      <c r="N1518" t="s">
        <v>277</v>
      </c>
      <c r="O1518" s="1">
        <v>45254.870833333334</v>
      </c>
      <c r="P1518" s="1">
        <v>45254.87222222222</v>
      </c>
    </row>
    <row r="1519" spans="1:16" x14ac:dyDescent="0.4">
      <c r="A1519">
        <v>4859</v>
      </c>
      <c r="B1519">
        <v>292624</v>
      </c>
      <c r="C1519" s="1">
        <v>45256</v>
      </c>
      <c r="D1519">
        <v>125</v>
      </c>
      <c r="E1519">
        <v>126</v>
      </c>
      <c r="F1519" t="s">
        <v>8</v>
      </c>
      <c r="G1519">
        <v>19</v>
      </c>
      <c r="H1519">
        <v>308</v>
      </c>
      <c r="I1519">
        <v>1</v>
      </c>
      <c r="J1519">
        <v>0</v>
      </c>
      <c r="K1519">
        <v>1226569</v>
      </c>
      <c r="L1519">
        <v>1226570</v>
      </c>
      <c r="M1519">
        <v>42</v>
      </c>
      <c r="N1519" t="s">
        <v>288</v>
      </c>
      <c r="O1519" s="1">
        <v>45256.632638888892</v>
      </c>
      <c r="P1519" s="1">
        <v>45256.749305555553</v>
      </c>
    </row>
    <row r="1520" spans="1:16" x14ac:dyDescent="0.4">
      <c r="A1520">
        <v>4860</v>
      </c>
      <c r="B1520">
        <v>292652</v>
      </c>
      <c r="C1520" s="1">
        <v>45256</v>
      </c>
      <c r="D1520">
        <v>57</v>
      </c>
      <c r="E1520">
        <v>30</v>
      </c>
      <c r="F1520" t="s">
        <v>227</v>
      </c>
      <c r="G1520">
        <v>3</v>
      </c>
      <c r="H1520">
        <v>440</v>
      </c>
      <c r="I1520">
        <v>2</v>
      </c>
      <c r="J1520">
        <v>0</v>
      </c>
      <c r="K1520">
        <v>1226665</v>
      </c>
      <c r="L1520">
        <v>1226666</v>
      </c>
      <c r="M1520">
        <v>95</v>
      </c>
      <c r="N1520" t="s">
        <v>68</v>
      </c>
      <c r="O1520" s="1">
        <v>45256.931944444441</v>
      </c>
      <c r="P1520" s="1">
        <v>45256.988888888889</v>
      </c>
    </row>
    <row r="1521" spans="1:16" x14ac:dyDescent="0.4">
      <c r="A1521">
        <v>4509</v>
      </c>
      <c r="B1521">
        <v>246493</v>
      </c>
      <c r="C1521" s="1">
        <v>44404</v>
      </c>
      <c r="D1521">
        <v>84</v>
      </c>
      <c r="E1521">
        <v>65</v>
      </c>
      <c r="F1521" t="s">
        <v>71</v>
      </c>
      <c r="G1521">
        <v>4</v>
      </c>
      <c r="H1521">
        <v>440</v>
      </c>
      <c r="I1521">
        <v>3</v>
      </c>
      <c r="J1521">
        <v>0</v>
      </c>
      <c r="K1521">
        <v>1061044</v>
      </c>
      <c r="L1521">
        <v>1061045</v>
      </c>
      <c r="M1521">
        <v>95</v>
      </c>
      <c r="N1521" t="s">
        <v>68</v>
      </c>
      <c r="O1521" s="1">
        <v>44404.884722222225</v>
      </c>
      <c r="P1521" s="1">
        <v>44404.886111111111</v>
      </c>
    </row>
    <row r="1522" spans="1:16" x14ac:dyDescent="0.4">
      <c r="A1522">
        <v>4861</v>
      </c>
      <c r="B1522">
        <v>293346</v>
      </c>
      <c r="C1522" s="1">
        <v>45268</v>
      </c>
      <c r="D1522">
        <v>287</v>
      </c>
      <c r="E1522">
        <v>22</v>
      </c>
      <c r="F1522" t="s">
        <v>224</v>
      </c>
      <c r="G1522">
        <v>16</v>
      </c>
      <c r="H1522">
        <v>440</v>
      </c>
      <c r="I1522">
        <v>1</v>
      </c>
      <c r="J1522">
        <v>0</v>
      </c>
      <c r="K1522">
        <v>1229052</v>
      </c>
      <c r="L1522">
        <v>1229053</v>
      </c>
      <c r="M1522">
        <v>104</v>
      </c>
      <c r="N1522" t="s">
        <v>248</v>
      </c>
      <c r="O1522" s="1">
        <v>45268.910416666666</v>
      </c>
      <c r="P1522" s="1">
        <v>45268.911805555559</v>
      </c>
    </row>
    <row r="1523" spans="1:16" x14ac:dyDescent="0.4">
      <c r="A1523">
        <v>4862</v>
      </c>
      <c r="B1523">
        <v>293436</v>
      </c>
      <c r="C1523" s="1">
        <v>45269</v>
      </c>
      <c r="D1523">
        <v>125</v>
      </c>
      <c r="E1523">
        <v>126</v>
      </c>
      <c r="F1523" t="s">
        <v>8</v>
      </c>
      <c r="G1523">
        <v>10</v>
      </c>
      <c r="H1523">
        <v>308</v>
      </c>
      <c r="I1523">
        <v>1</v>
      </c>
      <c r="J1523">
        <v>0</v>
      </c>
      <c r="K1523">
        <v>1229390</v>
      </c>
      <c r="L1523">
        <v>1229391</v>
      </c>
      <c r="M1523">
        <v>39</v>
      </c>
      <c r="N1523" t="s">
        <v>277</v>
      </c>
      <c r="O1523" s="1">
        <v>45269.826388888891</v>
      </c>
      <c r="P1523" s="1">
        <v>45269.863888888889</v>
      </c>
    </row>
    <row r="1524" spans="1:16" x14ac:dyDescent="0.4">
      <c r="A1524">
        <v>4863</v>
      </c>
      <c r="B1524">
        <v>293436</v>
      </c>
      <c r="C1524" s="1">
        <v>45269</v>
      </c>
      <c r="D1524">
        <v>121</v>
      </c>
      <c r="E1524">
        <v>139</v>
      </c>
      <c r="F1524" t="s">
        <v>164</v>
      </c>
      <c r="G1524">
        <v>10</v>
      </c>
      <c r="H1524">
        <v>308</v>
      </c>
      <c r="I1524">
        <v>1</v>
      </c>
      <c r="J1524">
        <v>0</v>
      </c>
      <c r="K1524">
        <v>1229392</v>
      </c>
      <c r="L1524">
        <v>1229393</v>
      </c>
      <c r="M1524">
        <v>39</v>
      </c>
      <c r="N1524" t="s">
        <v>277</v>
      </c>
      <c r="O1524" s="1">
        <v>45269.826388888891</v>
      </c>
      <c r="P1524" s="1">
        <v>45269.863888888889</v>
      </c>
    </row>
    <row r="1525" spans="1:16" x14ac:dyDescent="0.4">
      <c r="A1525">
        <v>4866</v>
      </c>
      <c r="B1525">
        <v>293665</v>
      </c>
      <c r="C1525" s="1">
        <v>45273</v>
      </c>
      <c r="D1525">
        <v>57</v>
      </c>
      <c r="E1525">
        <v>30</v>
      </c>
      <c r="F1525" t="s">
        <v>227</v>
      </c>
      <c r="G1525">
        <v>4</v>
      </c>
      <c r="H1525">
        <v>440</v>
      </c>
      <c r="I1525">
        <v>1</v>
      </c>
      <c r="J1525">
        <v>0</v>
      </c>
      <c r="K1525">
        <v>1230224</v>
      </c>
      <c r="L1525">
        <v>1230225</v>
      </c>
      <c r="M1525">
        <v>113</v>
      </c>
      <c r="N1525" t="s">
        <v>268</v>
      </c>
      <c r="O1525" s="1">
        <v>45273.834722222222</v>
      </c>
      <c r="P1525" s="1">
        <v>45273.834722222222</v>
      </c>
    </row>
    <row r="1526" spans="1:16" x14ac:dyDescent="0.4">
      <c r="A1526">
        <v>4867</v>
      </c>
      <c r="B1526">
        <v>293711</v>
      </c>
      <c r="C1526" s="1">
        <v>45274</v>
      </c>
      <c r="D1526">
        <v>364</v>
      </c>
      <c r="E1526">
        <v>9</v>
      </c>
      <c r="F1526" t="s">
        <v>250</v>
      </c>
      <c r="G1526">
        <v>4</v>
      </c>
      <c r="H1526">
        <v>0</v>
      </c>
      <c r="I1526">
        <v>1</v>
      </c>
      <c r="J1526">
        <v>0</v>
      </c>
      <c r="K1526">
        <v>1230373</v>
      </c>
      <c r="L1526">
        <v>1230374</v>
      </c>
      <c r="M1526">
        <v>110</v>
      </c>
      <c r="N1526" t="s">
        <v>262</v>
      </c>
      <c r="O1526" s="1">
        <v>45274.782638888886</v>
      </c>
      <c r="P1526" s="1">
        <v>45274.782638888886</v>
      </c>
    </row>
    <row r="1527" spans="1:16" x14ac:dyDescent="0.4">
      <c r="A1527">
        <v>4868</v>
      </c>
      <c r="B1527">
        <v>293767</v>
      </c>
      <c r="C1527" s="1">
        <v>45275</v>
      </c>
      <c r="D1527">
        <v>280</v>
      </c>
      <c r="E1527">
        <v>1266</v>
      </c>
      <c r="F1527" t="s">
        <v>284</v>
      </c>
      <c r="G1527">
        <v>10</v>
      </c>
      <c r="H1527">
        <v>605</v>
      </c>
      <c r="I1527">
        <v>2</v>
      </c>
      <c r="J1527">
        <v>1</v>
      </c>
      <c r="K1527">
        <v>1230619</v>
      </c>
      <c r="L1527">
        <v>1230620</v>
      </c>
      <c r="M1527">
        <v>104</v>
      </c>
      <c r="N1527" t="s">
        <v>248</v>
      </c>
      <c r="O1527" s="1">
        <v>45275.930555555555</v>
      </c>
      <c r="P1527" s="1">
        <v>45275.930555555555</v>
      </c>
    </row>
    <row r="1528" spans="1:16" x14ac:dyDescent="0.4">
      <c r="A1528">
        <v>4869</v>
      </c>
      <c r="B1528">
        <v>293886</v>
      </c>
      <c r="C1528" s="1">
        <v>45276</v>
      </c>
      <c r="D1528">
        <v>439</v>
      </c>
      <c r="E1528">
        <v>3041</v>
      </c>
      <c r="F1528" t="s">
        <v>289</v>
      </c>
      <c r="G1528">
        <v>1</v>
      </c>
      <c r="H1528">
        <v>748</v>
      </c>
      <c r="I1528">
        <v>1</v>
      </c>
      <c r="J1528">
        <v>0</v>
      </c>
      <c r="K1528">
        <v>1231152</v>
      </c>
      <c r="L1528">
        <v>1231153</v>
      </c>
      <c r="M1528">
        <v>95</v>
      </c>
      <c r="N1528" t="s">
        <v>68</v>
      </c>
      <c r="O1528" s="1">
        <v>45277.084722222222</v>
      </c>
      <c r="P1528" s="1">
        <v>45277.095833333333</v>
      </c>
    </row>
    <row r="1529" spans="1:16" x14ac:dyDescent="0.4">
      <c r="A1529">
        <v>4524</v>
      </c>
      <c r="B1529">
        <v>248710</v>
      </c>
      <c r="C1529" s="1">
        <v>44485</v>
      </c>
      <c r="D1529">
        <v>125</v>
      </c>
      <c r="E1529">
        <v>126</v>
      </c>
      <c r="F1529" t="s">
        <v>159</v>
      </c>
      <c r="G1529">
        <v>3</v>
      </c>
      <c r="H1529">
        <v>308</v>
      </c>
      <c r="I1529">
        <v>1</v>
      </c>
      <c r="J1529">
        <v>0</v>
      </c>
      <c r="K1529">
        <v>1069399</v>
      </c>
      <c r="L1529">
        <v>1069400</v>
      </c>
      <c r="M1529">
        <v>114</v>
      </c>
      <c r="N1529" t="s">
        <v>234</v>
      </c>
      <c r="O1529" s="1">
        <v>44485.884027777778</v>
      </c>
      <c r="P1529" s="1">
        <v>44486.104166666664</v>
      </c>
    </row>
    <row r="1530" spans="1:16" x14ac:dyDescent="0.4">
      <c r="A1530">
        <v>4526</v>
      </c>
      <c r="B1530">
        <v>248815</v>
      </c>
      <c r="C1530" s="1">
        <v>44487</v>
      </c>
      <c r="D1530">
        <v>146</v>
      </c>
      <c r="E1530">
        <v>131</v>
      </c>
      <c r="F1530" t="s">
        <v>41</v>
      </c>
      <c r="G1530">
        <v>1</v>
      </c>
      <c r="H1530">
        <v>495</v>
      </c>
      <c r="I1530">
        <v>1</v>
      </c>
      <c r="J1530">
        <v>0</v>
      </c>
      <c r="K1530">
        <v>1069740</v>
      </c>
      <c r="L1530">
        <v>1069741</v>
      </c>
      <c r="M1530">
        <v>102</v>
      </c>
      <c r="N1530" t="s">
        <v>238</v>
      </c>
      <c r="O1530" s="1">
        <v>44487.861805555556</v>
      </c>
      <c r="P1530" s="1">
        <v>44487.868750000001</v>
      </c>
    </row>
    <row r="1531" spans="1:16" x14ac:dyDescent="0.4">
      <c r="A1531">
        <v>4528</v>
      </c>
      <c r="B1531">
        <v>248828</v>
      </c>
      <c r="C1531" s="1">
        <v>44488</v>
      </c>
      <c r="D1531">
        <v>125</v>
      </c>
      <c r="E1531">
        <v>126</v>
      </c>
      <c r="F1531" t="s">
        <v>159</v>
      </c>
      <c r="G1531">
        <v>4</v>
      </c>
      <c r="H1531">
        <v>308</v>
      </c>
      <c r="I1531">
        <v>1</v>
      </c>
      <c r="J1531">
        <v>0</v>
      </c>
      <c r="K1531">
        <v>1069790</v>
      </c>
      <c r="L1531">
        <v>1069791</v>
      </c>
      <c r="M1531">
        <v>98</v>
      </c>
      <c r="N1531" t="s">
        <v>155</v>
      </c>
      <c r="O1531" s="1">
        <v>44488.569444444445</v>
      </c>
      <c r="P1531" s="1">
        <v>44488.570138888892</v>
      </c>
    </row>
    <row r="1532" spans="1:16" x14ac:dyDescent="0.4">
      <c r="A1532">
        <v>4545</v>
      </c>
      <c r="B1532">
        <v>250533</v>
      </c>
      <c r="C1532" s="1">
        <v>44526</v>
      </c>
      <c r="D1532">
        <v>162</v>
      </c>
      <c r="E1532">
        <v>116</v>
      </c>
      <c r="F1532" t="s">
        <v>81</v>
      </c>
      <c r="G1532">
        <v>11</v>
      </c>
      <c r="H1532">
        <v>605</v>
      </c>
      <c r="I1532">
        <v>1</v>
      </c>
      <c r="J1532">
        <v>0</v>
      </c>
      <c r="K1532">
        <v>1076201</v>
      </c>
      <c r="L1532">
        <v>1076202</v>
      </c>
      <c r="M1532">
        <v>115</v>
      </c>
      <c r="N1532" t="s">
        <v>239</v>
      </c>
      <c r="O1532" s="1">
        <v>44526.942361111112</v>
      </c>
      <c r="P1532" s="1">
        <v>44526.944444444445</v>
      </c>
    </row>
    <row r="1533" spans="1:16" x14ac:dyDescent="0.4">
      <c r="A1533">
        <v>4553</v>
      </c>
      <c r="B1533">
        <v>251248</v>
      </c>
      <c r="C1533" s="1">
        <v>44541</v>
      </c>
      <c r="D1533">
        <v>97</v>
      </c>
      <c r="E1533">
        <v>21</v>
      </c>
      <c r="F1533" t="s">
        <v>214</v>
      </c>
      <c r="G1533">
        <v>20</v>
      </c>
      <c r="H1533">
        <v>462</v>
      </c>
      <c r="I1533">
        <v>1</v>
      </c>
      <c r="J1533">
        <v>0</v>
      </c>
      <c r="K1533">
        <v>1078936</v>
      </c>
      <c r="L1533">
        <v>1078937</v>
      </c>
      <c r="M1533">
        <v>108</v>
      </c>
      <c r="N1533" t="s">
        <v>45</v>
      </c>
      <c r="O1533" s="1">
        <v>44541.813194444447</v>
      </c>
      <c r="P1533" s="1">
        <v>44541.8125</v>
      </c>
    </row>
    <row r="1534" spans="1:16" x14ac:dyDescent="0.4">
      <c r="A1534">
        <v>4562</v>
      </c>
      <c r="B1534">
        <v>252191</v>
      </c>
      <c r="C1534" s="1">
        <v>44558</v>
      </c>
      <c r="D1534">
        <v>323</v>
      </c>
      <c r="E1534">
        <v>1</v>
      </c>
      <c r="F1534" t="s">
        <v>233</v>
      </c>
      <c r="G1534">
        <v>2</v>
      </c>
      <c r="H1534">
        <v>440</v>
      </c>
      <c r="I1534">
        <v>3</v>
      </c>
      <c r="J1534">
        <v>0</v>
      </c>
      <c r="K1534">
        <v>1082510</v>
      </c>
      <c r="L1534">
        <v>1082511</v>
      </c>
      <c r="M1534">
        <v>98</v>
      </c>
      <c r="N1534" t="s">
        <v>155</v>
      </c>
      <c r="O1534" s="1">
        <v>44558.942361111112</v>
      </c>
      <c r="P1534" s="1">
        <v>44558.947916666664</v>
      </c>
    </row>
    <row r="1535" spans="1:16" x14ac:dyDescent="0.4">
      <c r="A1535">
        <v>4566</v>
      </c>
      <c r="B1535">
        <v>252257</v>
      </c>
      <c r="C1535" s="1">
        <v>44559</v>
      </c>
      <c r="D1535">
        <v>57</v>
      </c>
      <c r="E1535">
        <v>30</v>
      </c>
      <c r="F1535" t="s">
        <v>227</v>
      </c>
      <c r="G1535">
        <v>8</v>
      </c>
      <c r="H1535">
        <v>352</v>
      </c>
      <c r="I1535">
        <v>1</v>
      </c>
      <c r="J1535">
        <v>0</v>
      </c>
      <c r="K1535">
        <v>1082806</v>
      </c>
      <c r="L1535">
        <v>1082807</v>
      </c>
      <c r="M1535">
        <v>103</v>
      </c>
      <c r="N1535" t="s">
        <v>15</v>
      </c>
      <c r="O1535" s="1">
        <v>44559.820833333331</v>
      </c>
      <c r="P1535" s="1">
        <v>44559.820833333331</v>
      </c>
    </row>
    <row r="1536" spans="1:16" x14ac:dyDescent="0.4">
      <c r="A1536">
        <v>4567</v>
      </c>
      <c r="B1536">
        <v>252257</v>
      </c>
      <c r="C1536" s="1">
        <v>44559</v>
      </c>
      <c r="D1536">
        <v>186</v>
      </c>
      <c r="E1536">
        <v>225</v>
      </c>
      <c r="F1536" t="s">
        <v>212</v>
      </c>
      <c r="G1536">
        <v>8</v>
      </c>
      <c r="H1536">
        <v>385</v>
      </c>
      <c r="I1536">
        <v>3</v>
      </c>
      <c r="J1536">
        <v>0</v>
      </c>
      <c r="K1536">
        <v>1082808</v>
      </c>
      <c r="L1536">
        <v>1082809</v>
      </c>
      <c r="M1536">
        <v>103</v>
      </c>
      <c r="N1536" t="s">
        <v>15</v>
      </c>
      <c r="O1536" s="1">
        <v>44559.820833333331</v>
      </c>
      <c r="P1536" s="1">
        <v>44559.820833333331</v>
      </c>
    </row>
    <row r="1537" spans="1:16" x14ac:dyDescent="0.4">
      <c r="A1537">
        <v>4573</v>
      </c>
      <c r="B1537">
        <v>252562</v>
      </c>
      <c r="C1537" s="1">
        <v>44564</v>
      </c>
      <c r="D1537">
        <v>149</v>
      </c>
      <c r="E1537">
        <v>121</v>
      </c>
      <c r="F1537" t="s">
        <v>52</v>
      </c>
      <c r="G1537">
        <v>5</v>
      </c>
      <c r="H1537">
        <v>495</v>
      </c>
      <c r="I1537">
        <v>1</v>
      </c>
      <c r="J1537">
        <v>0</v>
      </c>
      <c r="K1537">
        <v>1084147</v>
      </c>
      <c r="L1537">
        <v>1084148</v>
      </c>
      <c r="M1537">
        <v>102</v>
      </c>
      <c r="N1537" t="s">
        <v>238</v>
      </c>
      <c r="O1537" s="1">
        <v>44564.800000000003</v>
      </c>
      <c r="P1537" s="1">
        <v>44564.806250000001</v>
      </c>
    </row>
    <row r="1538" spans="1:16" x14ac:dyDescent="0.4">
      <c r="A1538">
        <v>4574</v>
      </c>
      <c r="B1538">
        <v>252562</v>
      </c>
      <c r="C1538" s="1">
        <v>44564</v>
      </c>
      <c r="D1538">
        <v>149</v>
      </c>
      <c r="E1538">
        <v>121</v>
      </c>
      <c r="F1538" t="s">
        <v>52</v>
      </c>
      <c r="G1538">
        <v>5</v>
      </c>
      <c r="H1538">
        <v>495</v>
      </c>
      <c r="I1538">
        <v>1</v>
      </c>
      <c r="J1538">
        <v>0</v>
      </c>
      <c r="K1538">
        <v>1084149</v>
      </c>
      <c r="L1538">
        <v>1084150</v>
      </c>
      <c r="M1538">
        <v>102</v>
      </c>
      <c r="N1538" t="s">
        <v>238</v>
      </c>
      <c r="O1538" s="1">
        <v>44564.800000000003</v>
      </c>
      <c r="P1538" s="1">
        <v>44564.806250000001</v>
      </c>
    </row>
    <row r="1539" spans="1:16" x14ac:dyDescent="0.4">
      <c r="A1539">
        <v>4485</v>
      </c>
      <c r="B1539">
        <v>244675</v>
      </c>
      <c r="C1539" s="1">
        <v>44319</v>
      </c>
      <c r="D1539">
        <v>80</v>
      </c>
      <c r="E1539">
        <v>61</v>
      </c>
      <c r="F1539" t="s">
        <v>153</v>
      </c>
      <c r="G1539">
        <v>14</v>
      </c>
      <c r="H1539">
        <v>440</v>
      </c>
      <c r="I1539">
        <v>1</v>
      </c>
      <c r="J1539">
        <v>0</v>
      </c>
      <c r="K1539">
        <v>1054370</v>
      </c>
      <c r="L1539">
        <v>1054371</v>
      </c>
      <c r="M1539">
        <v>108</v>
      </c>
      <c r="N1539" t="s">
        <v>40</v>
      </c>
      <c r="O1539" s="1">
        <v>44319.977777777778</v>
      </c>
      <c r="P1539" s="1">
        <v>44320.01458333333</v>
      </c>
    </row>
    <row r="1540" spans="1:16" x14ac:dyDescent="0.4">
      <c r="A1540">
        <v>4486</v>
      </c>
      <c r="B1540">
        <v>244675</v>
      </c>
      <c r="C1540" s="1">
        <v>44319</v>
      </c>
      <c r="D1540">
        <v>71</v>
      </c>
      <c r="E1540">
        <v>52</v>
      </c>
      <c r="F1540" t="s">
        <v>23</v>
      </c>
      <c r="G1540">
        <v>14</v>
      </c>
      <c r="H1540">
        <v>440</v>
      </c>
      <c r="I1540">
        <v>1</v>
      </c>
      <c r="J1540">
        <v>0</v>
      </c>
      <c r="K1540">
        <v>1054372</v>
      </c>
      <c r="L1540">
        <v>1054373</v>
      </c>
      <c r="M1540">
        <v>108</v>
      </c>
      <c r="N1540" t="s">
        <v>40</v>
      </c>
      <c r="O1540" s="1">
        <v>44319.977777777778</v>
      </c>
      <c r="P1540" s="1">
        <v>44320.01458333333</v>
      </c>
    </row>
    <row r="1541" spans="1:16" x14ac:dyDescent="0.4">
      <c r="A1541">
        <v>4491</v>
      </c>
      <c r="B1541">
        <v>245389</v>
      </c>
      <c r="C1541" s="1">
        <v>44380</v>
      </c>
      <c r="D1541">
        <v>168</v>
      </c>
      <c r="E1541">
        <v>103</v>
      </c>
      <c r="F1541" t="s">
        <v>38</v>
      </c>
      <c r="G1541">
        <v>20</v>
      </c>
      <c r="H1541">
        <v>605</v>
      </c>
      <c r="I1541">
        <v>1</v>
      </c>
      <c r="J1541">
        <v>0</v>
      </c>
      <c r="K1541">
        <v>1056913</v>
      </c>
      <c r="L1541">
        <v>1056914</v>
      </c>
      <c r="M1541">
        <v>108</v>
      </c>
      <c r="N1541" t="s">
        <v>45</v>
      </c>
      <c r="O1541" s="1">
        <v>44381.191666666666</v>
      </c>
      <c r="P1541" s="1">
        <v>44381.209722222222</v>
      </c>
    </row>
    <row r="1542" spans="1:16" x14ac:dyDescent="0.4">
      <c r="A1542">
        <v>4603</v>
      </c>
      <c r="B1542">
        <v>257154</v>
      </c>
      <c r="C1542" s="1">
        <v>44666</v>
      </c>
      <c r="D1542">
        <v>186</v>
      </c>
      <c r="E1542">
        <v>225</v>
      </c>
      <c r="F1542" t="s">
        <v>212</v>
      </c>
      <c r="G1542">
        <v>4</v>
      </c>
      <c r="H1542">
        <v>385</v>
      </c>
      <c r="I1542">
        <v>2</v>
      </c>
      <c r="J1542">
        <v>0</v>
      </c>
      <c r="K1542">
        <v>1100058</v>
      </c>
      <c r="L1542">
        <v>1100059</v>
      </c>
      <c r="M1542">
        <v>103</v>
      </c>
      <c r="N1542" t="s">
        <v>15</v>
      </c>
      <c r="O1542" s="1">
        <v>44666.875694444447</v>
      </c>
      <c r="P1542" s="1">
        <v>44666.876388888886</v>
      </c>
    </row>
    <row r="1543" spans="1:16" x14ac:dyDescent="0.4">
      <c r="A1543">
        <v>4604</v>
      </c>
      <c r="B1543">
        <v>257167</v>
      </c>
      <c r="C1543" s="1">
        <v>44666</v>
      </c>
      <c r="D1543">
        <v>186</v>
      </c>
      <c r="E1543">
        <v>225</v>
      </c>
      <c r="F1543" t="s">
        <v>212</v>
      </c>
      <c r="G1543">
        <v>3</v>
      </c>
      <c r="H1543">
        <v>385</v>
      </c>
      <c r="I1543">
        <v>1</v>
      </c>
      <c r="J1543">
        <v>0</v>
      </c>
      <c r="K1543">
        <v>1100122</v>
      </c>
      <c r="L1543">
        <v>1100123</v>
      </c>
      <c r="M1543">
        <v>108</v>
      </c>
      <c r="N1543" t="s">
        <v>45</v>
      </c>
      <c r="O1543" s="1">
        <v>44666.98541666667</v>
      </c>
      <c r="P1543" s="1">
        <v>44666.98541666667</v>
      </c>
    </row>
    <row r="1544" spans="1:16" x14ac:dyDescent="0.4">
      <c r="A1544">
        <v>4659</v>
      </c>
      <c r="B1544">
        <v>266509</v>
      </c>
      <c r="C1544" s="1">
        <v>44828</v>
      </c>
      <c r="D1544">
        <v>97</v>
      </c>
      <c r="E1544">
        <v>21</v>
      </c>
      <c r="F1544" t="s">
        <v>214</v>
      </c>
      <c r="G1544">
        <v>17</v>
      </c>
      <c r="H1544">
        <v>462</v>
      </c>
      <c r="I1544">
        <v>2</v>
      </c>
      <c r="J1544">
        <v>0</v>
      </c>
      <c r="K1544">
        <v>1133537</v>
      </c>
      <c r="L1544">
        <v>1133538</v>
      </c>
      <c r="M1544">
        <v>108</v>
      </c>
      <c r="N1544" t="s">
        <v>45</v>
      </c>
      <c r="O1544" s="1">
        <v>44829.030555555553</v>
      </c>
      <c r="P1544" s="1">
        <v>44829.030555555553</v>
      </c>
    </row>
    <row r="1545" spans="1:16" x14ac:dyDescent="0.4">
      <c r="A1545">
        <v>4686</v>
      </c>
      <c r="B1545">
        <v>268836</v>
      </c>
      <c r="C1545" s="1">
        <v>44871</v>
      </c>
      <c r="D1545">
        <v>125</v>
      </c>
      <c r="E1545">
        <v>126</v>
      </c>
      <c r="F1545" t="s">
        <v>159</v>
      </c>
      <c r="G1545">
        <v>1</v>
      </c>
      <c r="H1545">
        <v>308</v>
      </c>
      <c r="I1545">
        <v>1</v>
      </c>
      <c r="J1545">
        <v>0</v>
      </c>
      <c r="K1545">
        <v>1141834</v>
      </c>
      <c r="L1545">
        <v>1141835</v>
      </c>
      <c r="M1545">
        <v>115</v>
      </c>
      <c r="N1545" t="s">
        <v>239</v>
      </c>
      <c r="O1545" s="1">
        <v>44871.634722222225</v>
      </c>
      <c r="P1545" s="1">
        <v>44871.636805555558</v>
      </c>
    </row>
    <row r="1546" spans="1:16" x14ac:dyDescent="0.4">
      <c r="A1546">
        <v>4688</v>
      </c>
      <c r="B1546">
        <v>269101</v>
      </c>
      <c r="C1546" s="1">
        <v>44877</v>
      </c>
      <c r="D1546">
        <v>125</v>
      </c>
      <c r="E1546">
        <v>126</v>
      </c>
      <c r="F1546" t="s">
        <v>159</v>
      </c>
      <c r="G1546">
        <v>7</v>
      </c>
      <c r="H1546">
        <v>308</v>
      </c>
      <c r="I1546">
        <v>1</v>
      </c>
      <c r="J1546">
        <v>0</v>
      </c>
      <c r="K1546">
        <v>1142841</v>
      </c>
      <c r="L1546">
        <v>1142842</v>
      </c>
      <c r="M1546">
        <v>118</v>
      </c>
      <c r="N1546" t="s">
        <v>240</v>
      </c>
      <c r="O1546" s="1">
        <v>44877.535416666666</v>
      </c>
      <c r="P1546" s="1">
        <v>44877.696527777778</v>
      </c>
    </row>
    <row r="1547" spans="1:16" x14ac:dyDescent="0.4">
      <c r="A1547">
        <v>4595</v>
      </c>
      <c r="B1547">
        <v>256049</v>
      </c>
      <c r="C1547" s="1">
        <v>44644</v>
      </c>
      <c r="D1547">
        <v>125</v>
      </c>
      <c r="E1547">
        <v>126</v>
      </c>
      <c r="F1547" t="s">
        <v>159</v>
      </c>
      <c r="G1547">
        <v>7</v>
      </c>
      <c r="H1547">
        <v>308</v>
      </c>
      <c r="I1547">
        <v>1</v>
      </c>
      <c r="J1547">
        <v>0</v>
      </c>
      <c r="K1547">
        <v>1096073</v>
      </c>
      <c r="L1547">
        <v>1096074</v>
      </c>
      <c r="M1547">
        <v>95</v>
      </c>
      <c r="N1547" t="s">
        <v>68</v>
      </c>
      <c r="O1547" s="1">
        <v>44644.992361111108</v>
      </c>
      <c r="P1547" s="1">
        <v>44645.205555555556</v>
      </c>
    </row>
    <row r="1548" spans="1:16" x14ac:dyDescent="0.4">
      <c r="A1548">
        <v>4622</v>
      </c>
      <c r="B1548">
        <v>260763</v>
      </c>
      <c r="C1548" s="1">
        <v>44730</v>
      </c>
      <c r="D1548">
        <v>368</v>
      </c>
      <c r="E1548">
        <v>98</v>
      </c>
      <c r="F1548" t="s">
        <v>235</v>
      </c>
      <c r="G1548">
        <v>17</v>
      </c>
      <c r="H1548">
        <v>320</v>
      </c>
      <c r="I1548">
        <v>3</v>
      </c>
      <c r="J1548">
        <v>0</v>
      </c>
      <c r="K1548">
        <v>1113210</v>
      </c>
      <c r="L1548">
        <v>1113211</v>
      </c>
      <c r="M1548">
        <v>102</v>
      </c>
      <c r="N1548" t="s">
        <v>238</v>
      </c>
      <c r="O1548" s="1">
        <v>44730.808333333334</v>
      </c>
      <c r="P1548" s="1">
        <v>44730.820138888892</v>
      </c>
    </row>
    <row r="1549" spans="1:16" x14ac:dyDescent="0.4">
      <c r="A1549">
        <v>4623</v>
      </c>
      <c r="B1549">
        <v>260763</v>
      </c>
      <c r="C1549" s="1">
        <v>44730</v>
      </c>
      <c r="D1549">
        <v>57</v>
      </c>
      <c r="E1549">
        <v>30</v>
      </c>
      <c r="F1549" t="s">
        <v>227</v>
      </c>
      <c r="G1549">
        <v>17</v>
      </c>
      <c r="H1549">
        <v>352</v>
      </c>
      <c r="I1549">
        <v>1</v>
      </c>
      <c r="J1549">
        <v>0</v>
      </c>
      <c r="K1549">
        <v>1113212</v>
      </c>
      <c r="L1549">
        <v>1113213</v>
      </c>
      <c r="M1549">
        <v>102</v>
      </c>
      <c r="N1549" t="s">
        <v>238</v>
      </c>
      <c r="O1549" s="1">
        <v>44730.808333333334</v>
      </c>
      <c r="P1549" s="1">
        <v>44730.820138888892</v>
      </c>
    </row>
    <row r="1550" spans="1:16" x14ac:dyDescent="0.4">
      <c r="A1550">
        <v>4639</v>
      </c>
      <c r="B1550">
        <v>262336</v>
      </c>
      <c r="C1550" s="1">
        <v>44757</v>
      </c>
      <c r="D1550">
        <v>369</v>
      </c>
      <c r="E1550">
        <v>47</v>
      </c>
      <c r="F1550" t="s">
        <v>290</v>
      </c>
      <c r="G1550">
        <v>5</v>
      </c>
      <c r="H1550">
        <v>0</v>
      </c>
      <c r="I1550">
        <v>4</v>
      </c>
      <c r="J1550">
        <v>0</v>
      </c>
      <c r="K1550">
        <v>1118812</v>
      </c>
      <c r="L1550">
        <v>1118813</v>
      </c>
      <c r="M1550">
        <v>103</v>
      </c>
      <c r="N1550" t="s">
        <v>15</v>
      </c>
      <c r="O1550" s="1">
        <v>44757.931944444441</v>
      </c>
      <c r="P1550" s="1">
        <v>44757.931944444441</v>
      </c>
    </row>
    <row r="1551" spans="1:16" x14ac:dyDescent="0.4">
      <c r="A1551">
        <v>4641</v>
      </c>
      <c r="B1551">
        <v>262419</v>
      </c>
      <c r="C1551" s="1">
        <v>44758</v>
      </c>
      <c r="D1551">
        <v>125</v>
      </c>
      <c r="E1551">
        <v>126</v>
      </c>
      <c r="F1551" t="s">
        <v>159</v>
      </c>
      <c r="G1551">
        <v>19</v>
      </c>
      <c r="H1551">
        <v>308</v>
      </c>
      <c r="I1551">
        <v>1</v>
      </c>
      <c r="J1551">
        <v>0</v>
      </c>
      <c r="K1551">
        <v>1119110</v>
      </c>
      <c r="L1551">
        <v>1119111</v>
      </c>
      <c r="M1551">
        <v>108</v>
      </c>
      <c r="N1551" t="s">
        <v>45</v>
      </c>
      <c r="O1551" s="1">
        <v>44758.893750000003</v>
      </c>
      <c r="P1551" s="1">
        <v>44758.895833333336</v>
      </c>
    </row>
    <row r="1552" spans="1:16" x14ac:dyDescent="0.4">
      <c r="A1552">
        <v>4642</v>
      </c>
      <c r="B1552">
        <v>262419</v>
      </c>
      <c r="C1552" s="1">
        <v>44758</v>
      </c>
      <c r="D1552">
        <v>308</v>
      </c>
      <c r="E1552">
        <v>1268</v>
      </c>
      <c r="F1552" t="s">
        <v>198</v>
      </c>
      <c r="G1552">
        <v>19</v>
      </c>
      <c r="H1552">
        <v>352</v>
      </c>
      <c r="I1552">
        <v>1</v>
      </c>
      <c r="J1552">
        <v>0</v>
      </c>
      <c r="K1552">
        <v>1119112</v>
      </c>
      <c r="L1552">
        <v>1119113</v>
      </c>
      <c r="M1552">
        <v>108</v>
      </c>
      <c r="N1552" t="s">
        <v>45</v>
      </c>
      <c r="O1552" s="1">
        <v>44758.893750000003</v>
      </c>
      <c r="P1552" s="1">
        <v>44758.896527777775</v>
      </c>
    </row>
    <row r="1553" spans="1:16" x14ac:dyDescent="0.4">
      <c r="A1553">
        <v>4709</v>
      </c>
      <c r="B1553">
        <v>270998</v>
      </c>
      <c r="C1553" s="1">
        <v>44912</v>
      </c>
      <c r="D1553">
        <v>126</v>
      </c>
      <c r="E1553">
        <v>138</v>
      </c>
      <c r="F1553" t="s">
        <v>181</v>
      </c>
      <c r="G1553">
        <v>7</v>
      </c>
      <c r="H1553">
        <v>418</v>
      </c>
      <c r="I1553">
        <v>1</v>
      </c>
      <c r="J1553">
        <v>0</v>
      </c>
      <c r="K1553">
        <v>1149792</v>
      </c>
      <c r="L1553">
        <v>1149793</v>
      </c>
      <c r="M1553">
        <v>108</v>
      </c>
      <c r="N1553" t="s">
        <v>45</v>
      </c>
      <c r="O1553" s="1">
        <v>44913.022916666669</v>
      </c>
      <c r="P1553" s="1">
        <v>44913.022916666669</v>
      </c>
    </row>
    <row r="1554" spans="1:16" x14ac:dyDescent="0.4">
      <c r="A1554">
        <v>4715</v>
      </c>
      <c r="B1554">
        <v>271467</v>
      </c>
      <c r="C1554" s="1">
        <v>44920</v>
      </c>
      <c r="D1554">
        <v>75</v>
      </c>
      <c r="E1554">
        <v>56</v>
      </c>
      <c r="F1554" t="s">
        <v>49</v>
      </c>
      <c r="G1554">
        <v>9</v>
      </c>
      <c r="H1554">
        <v>440</v>
      </c>
      <c r="I1554">
        <v>1</v>
      </c>
      <c r="J1554">
        <v>0</v>
      </c>
      <c r="K1554">
        <v>1151424</v>
      </c>
      <c r="L1554">
        <v>1151425</v>
      </c>
      <c r="M1554">
        <v>36</v>
      </c>
      <c r="O1554" s="1">
        <v>44920.820138888892</v>
      </c>
      <c r="P1554" s="1">
        <v>44920.826388888891</v>
      </c>
    </row>
    <row r="1555" spans="1:16" x14ac:dyDescent="0.4">
      <c r="A1555">
        <v>4732</v>
      </c>
      <c r="B1555">
        <v>272916</v>
      </c>
      <c r="C1555" s="1">
        <v>44942</v>
      </c>
      <c r="D1555">
        <v>171</v>
      </c>
      <c r="E1555">
        <v>321</v>
      </c>
      <c r="F1555" t="s">
        <v>205</v>
      </c>
      <c r="G1555">
        <v>1</v>
      </c>
      <c r="H1555">
        <v>550</v>
      </c>
      <c r="I1555">
        <v>1</v>
      </c>
      <c r="J1555">
        <v>0</v>
      </c>
      <c r="K1555">
        <v>1156967</v>
      </c>
      <c r="L1555">
        <v>1156968</v>
      </c>
      <c r="M1555">
        <v>91</v>
      </c>
      <c r="O1555" s="1">
        <v>44942.945138888892</v>
      </c>
      <c r="P1555" s="1">
        <v>44942.947916666664</v>
      </c>
    </row>
    <row r="1556" spans="1:16" x14ac:dyDescent="0.4">
      <c r="A1556">
        <v>4753</v>
      </c>
      <c r="B1556">
        <v>275217</v>
      </c>
      <c r="C1556" s="1">
        <v>44982</v>
      </c>
      <c r="D1556">
        <v>280</v>
      </c>
      <c r="E1556">
        <v>1266</v>
      </c>
      <c r="F1556" t="s">
        <v>162</v>
      </c>
      <c r="G1556">
        <v>16</v>
      </c>
      <c r="H1556">
        <v>594</v>
      </c>
      <c r="I1556">
        <v>1</v>
      </c>
      <c r="J1556">
        <v>0</v>
      </c>
      <c r="K1556">
        <v>1165175</v>
      </c>
      <c r="L1556">
        <v>1165176</v>
      </c>
      <c r="M1556">
        <v>108</v>
      </c>
      <c r="N1556" t="s">
        <v>45</v>
      </c>
      <c r="O1556" s="1">
        <v>44982.839583333334</v>
      </c>
      <c r="P1556" s="1">
        <v>44982.842361111114</v>
      </c>
    </row>
    <row r="1557" spans="1:16" x14ac:dyDescent="0.4">
      <c r="A1557">
        <v>4648</v>
      </c>
      <c r="B1557">
        <v>264214</v>
      </c>
      <c r="C1557" s="1">
        <v>44788</v>
      </c>
      <c r="D1557">
        <v>297</v>
      </c>
      <c r="E1557">
        <v>546</v>
      </c>
      <c r="F1557" t="s">
        <v>204</v>
      </c>
      <c r="G1557">
        <v>10</v>
      </c>
      <c r="H1557">
        <v>462</v>
      </c>
      <c r="I1557">
        <v>1</v>
      </c>
      <c r="J1557">
        <v>0</v>
      </c>
      <c r="K1557">
        <v>1125521</v>
      </c>
      <c r="L1557">
        <v>1125522</v>
      </c>
      <c r="M1557">
        <v>112</v>
      </c>
      <c r="N1557" t="s">
        <v>246</v>
      </c>
      <c r="O1557" s="1">
        <v>44788.986111111109</v>
      </c>
      <c r="P1557" s="1">
        <v>44789.133333333331</v>
      </c>
    </row>
    <row r="1558" spans="1:16" x14ac:dyDescent="0.4">
      <c r="A1558">
        <v>4650</v>
      </c>
      <c r="B1558">
        <v>264422</v>
      </c>
      <c r="C1558" s="1">
        <v>44791</v>
      </c>
      <c r="D1558">
        <v>13</v>
      </c>
      <c r="E1558">
        <v>112</v>
      </c>
      <c r="F1558" t="s">
        <v>62</v>
      </c>
      <c r="G1558">
        <v>13</v>
      </c>
      <c r="H1558">
        <v>550</v>
      </c>
      <c r="I1558">
        <v>1</v>
      </c>
      <c r="J1558">
        <v>0</v>
      </c>
      <c r="K1558">
        <v>1126286</v>
      </c>
      <c r="L1558">
        <v>1126287</v>
      </c>
      <c r="M1558">
        <v>108</v>
      </c>
      <c r="N1558" t="s">
        <v>45</v>
      </c>
      <c r="O1558" s="1">
        <v>44792.023611111108</v>
      </c>
      <c r="P1558" s="1">
        <v>44792.03125</v>
      </c>
    </row>
    <row r="1559" spans="1:16" x14ac:dyDescent="0.4">
      <c r="A1559">
        <v>4693</v>
      </c>
      <c r="B1559">
        <v>269486</v>
      </c>
      <c r="C1559" s="1">
        <v>44884</v>
      </c>
      <c r="D1559">
        <v>66</v>
      </c>
      <c r="E1559">
        <v>39</v>
      </c>
      <c r="F1559" t="s">
        <v>135</v>
      </c>
      <c r="G1559">
        <v>9</v>
      </c>
      <c r="H1559">
        <v>0</v>
      </c>
      <c r="I1559">
        <v>1</v>
      </c>
      <c r="J1559">
        <v>0</v>
      </c>
      <c r="K1559">
        <v>1144216</v>
      </c>
      <c r="L1559">
        <v>1144217</v>
      </c>
      <c r="M1559">
        <v>108</v>
      </c>
      <c r="N1559" t="s">
        <v>45</v>
      </c>
      <c r="O1559" s="1">
        <v>44884.90902777778</v>
      </c>
      <c r="P1559" s="1">
        <v>44884.909722222219</v>
      </c>
    </row>
    <row r="1560" spans="1:16" x14ac:dyDescent="0.4">
      <c r="A1560">
        <v>4694</v>
      </c>
      <c r="B1560">
        <v>269486</v>
      </c>
      <c r="C1560" s="1">
        <v>44884</v>
      </c>
      <c r="D1560">
        <v>249</v>
      </c>
      <c r="E1560">
        <v>241</v>
      </c>
      <c r="F1560" t="s">
        <v>140</v>
      </c>
      <c r="G1560">
        <v>9</v>
      </c>
      <c r="H1560">
        <v>0</v>
      </c>
      <c r="I1560">
        <v>1</v>
      </c>
      <c r="J1560">
        <v>0</v>
      </c>
      <c r="K1560">
        <v>1144218</v>
      </c>
      <c r="L1560">
        <v>1144219</v>
      </c>
      <c r="M1560">
        <v>108</v>
      </c>
      <c r="N1560" t="s">
        <v>45</v>
      </c>
      <c r="O1560" s="1">
        <v>44884.90902777778</v>
      </c>
      <c r="P1560" s="1">
        <v>44884.909722222219</v>
      </c>
    </row>
    <row r="1561" spans="1:16" x14ac:dyDescent="0.4">
      <c r="A1561">
        <v>4764</v>
      </c>
      <c r="B1561">
        <v>277048</v>
      </c>
      <c r="C1561" s="1">
        <v>45009</v>
      </c>
      <c r="D1561">
        <v>381</v>
      </c>
      <c r="E1561">
        <v>410</v>
      </c>
      <c r="F1561" t="s">
        <v>261</v>
      </c>
      <c r="G1561">
        <v>17</v>
      </c>
      <c r="H1561">
        <v>0</v>
      </c>
      <c r="I1561">
        <v>1</v>
      </c>
      <c r="J1561">
        <v>0</v>
      </c>
      <c r="K1561">
        <v>1171789</v>
      </c>
      <c r="L1561">
        <v>1171790</v>
      </c>
      <c r="M1561">
        <v>108</v>
      </c>
      <c r="N1561" t="s">
        <v>45</v>
      </c>
      <c r="O1561" s="1">
        <v>45009.984027777777</v>
      </c>
      <c r="P1561" s="1">
        <v>45010.018055555556</v>
      </c>
    </row>
    <row r="1562" spans="1:16" x14ac:dyDescent="0.4">
      <c r="A1562">
        <v>4772</v>
      </c>
      <c r="B1562">
        <v>278059</v>
      </c>
      <c r="C1562" s="1">
        <v>45024</v>
      </c>
      <c r="D1562">
        <v>125</v>
      </c>
      <c r="E1562">
        <v>126</v>
      </c>
      <c r="F1562" t="s">
        <v>159</v>
      </c>
      <c r="G1562">
        <v>9</v>
      </c>
      <c r="H1562">
        <v>308</v>
      </c>
      <c r="I1562">
        <v>1</v>
      </c>
      <c r="J1562">
        <v>0</v>
      </c>
      <c r="K1562">
        <v>1175393</v>
      </c>
      <c r="L1562">
        <v>1175394</v>
      </c>
      <c r="M1562">
        <v>118</v>
      </c>
      <c r="N1562" t="s">
        <v>240</v>
      </c>
      <c r="O1562" s="1">
        <v>45024.713194444441</v>
      </c>
      <c r="P1562" s="1">
        <v>45024.713194444441</v>
      </c>
    </row>
    <row r="1563" spans="1:16" x14ac:dyDescent="0.4">
      <c r="A1563">
        <v>4773</v>
      </c>
      <c r="B1563">
        <v>278097</v>
      </c>
      <c r="C1563" s="1">
        <v>45024</v>
      </c>
      <c r="D1563">
        <v>297</v>
      </c>
      <c r="E1563">
        <v>546</v>
      </c>
      <c r="F1563" t="s">
        <v>204</v>
      </c>
      <c r="G1563">
        <v>3</v>
      </c>
      <c r="H1563">
        <v>462</v>
      </c>
      <c r="I1563">
        <v>1</v>
      </c>
      <c r="J1563">
        <v>0</v>
      </c>
      <c r="K1563">
        <v>1175642</v>
      </c>
      <c r="L1563">
        <v>1175643</v>
      </c>
      <c r="M1563">
        <v>108</v>
      </c>
      <c r="N1563" t="s">
        <v>45</v>
      </c>
      <c r="O1563" s="1">
        <v>45025.104861111111</v>
      </c>
      <c r="P1563" s="1">
        <v>45025.104861111111</v>
      </c>
    </row>
    <row r="1564" spans="1:16" x14ac:dyDescent="0.4">
      <c r="A1564">
        <v>4779</v>
      </c>
      <c r="B1564">
        <v>278940</v>
      </c>
      <c r="C1564" s="1">
        <v>45039</v>
      </c>
      <c r="D1564">
        <v>125</v>
      </c>
      <c r="E1564">
        <v>126</v>
      </c>
      <c r="F1564" t="s">
        <v>159</v>
      </c>
      <c r="G1564">
        <v>13</v>
      </c>
      <c r="H1564">
        <v>308</v>
      </c>
      <c r="I1564">
        <v>1</v>
      </c>
      <c r="J1564">
        <v>0</v>
      </c>
      <c r="K1564">
        <v>1178712</v>
      </c>
      <c r="L1564">
        <v>1178713</v>
      </c>
      <c r="M1564">
        <v>35</v>
      </c>
      <c r="N1564" t="s">
        <v>291</v>
      </c>
      <c r="O1564" s="1">
        <v>45039.738888888889</v>
      </c>
      <c r="P1564" s="1">
        <v>45039.824305555558</v>
      </c>
    </row>
    <row r="1565" spans="1:16" x14ac:dyDescent="0.4">
      <c r="A1565">
        <v>4790</v>
      </c>
      <c r="B1565">
        <v>279823</v>
      </c>
      <c r="C1565" s="1">
        <v>45052</v>
      </c>
      <c r="D1565">
        <v>404</v>
      </c>
      <c r="E1565">
        <v>6001</v>
      </c>
      <c r="F1565" t="s">
        <v>292</v>
      </c>
      <c r="G1565">
        <v>13</v>
      </c>
      <c r="H1565">
        <v>700</v>
      </c>
      <c r="I1565">
        <v>1</v>
      </c>
      <c r="J1565">
        <v>0</v>
      </c>
      <c r="K1565">
        <v>1181995</v>
      </c>
      <c r="L1565">
        <v>1181996</v>
      </c>
      <c r="M1565">
        <v>40</v>
      </c>
      <c r="N1565" t="s">
        <v>271</v>
      </c>
      <c r="O1565" s="1">
        <v>45052.426388888889</v>
      </c>
      <c r="P1565" s="1">
        <v>45052.54791666667</v>
      </c>
    </row>
    <row r="1566" spans="1:16" x14ac:dyDescent="0.4">
      <c r="A1566">
        <v>4796</v>
      </c>
      <c r="B1566">
        <v>281073</v>
      </c>
      <c r="C1566" s="1">
        <v>45073</v>
      </c>
      <c r="D1566">
        <v>280</v>
      </c>
      <c r="E1566">
        <v>1266</v>
      </c>
      <c r="F1566" t="s">
        <v>162</v>
      </c>
      <c r="G1566">
        <v>17</v>
      </c>
      <c r="H1566">
        <v>594</v>
      </c>
      <c r="I1566">
        <v>1</v>
      </c>
      <c r="J1566">
        <v>0</v>
      </c>
      <c r="K1566">
        <v>1186378</v>
      </c>
      <c r="L1566">
        <v>1186379</v>
      </c>
      <c r="M1566">
        <v>118</v>
      </c>
      <c r="N1566" t="s">
        <v>240</v>
      </c>
      <c r="O1566" s="1">
        <v>45073.690972222219</v>
      </c>
      <c r="P1566" s="1">
        <v>45073.690972222219</v>
      </c>
    </row>
    <row r="1567" spans="1:16" x14ac:dyDescent="0.4">
      <c r="A1567">
        <v>4797</v>
      </c>
      <c r="B1567">
        <v>281149</v>
      </c>
      <c r="C1567" s="1">
        <v>45073</v>
      </c>
      <c r="D1567">
        <v>369</v>
      </c>
      <c r="E1567">
        <v>47</v>
      </c>
      <c r="F1567" t="s">
        <v>290</v>
      </c>
      <c r="G1567">
        <v>8</v>
      </c>
      <c r="H1567">
        <v>528</v>
      </c>
      <c r="I1567">
        <v>1</v>
      </c>
      <c r="J1567">
        <v>0</v>
      </c>
      <c r="K1567">
        <v>1186658</v>
      </c>
      <c r="L1567">
        <v>1186659</v>
      </c>
      <c r="M1567">
        <v>120</v>
      </c>
      <c r="N1567" t="s">
        <v>12</v>
      </c>
      <c r="O1567" s="1">
        <v>45074.14166666667</v>
      </c>
      <c r="P1567" s="1">
        <v>45074.145833333336</v>
      </c>
    </row>
    <row r="1568" spans="1:16" x14ac:dyDescent="0.4">
      <c r="A1568">
        <v>4706</v>
      </c>
      <c r="B1568">
        <v>270592</v>
      </c>
      <c r="C1568" s="1">
        <v>44905</v>
      </c>
      <c r="D1568">
        <v>287</v>
      </c>
      <c r="E1568">
        <v>22</v>
      </c>
      <c r="F1568" t="s">
        <v>224</v>
      </c>
      <c r="G1568">
        <v>7</v>
      </c>
      <c r="H1568">
        <v>0</v>
      </c>
      <c r="I1568">
        <v>1</v>
      </c>
      <c r="J1568">
        <v>0</v>
      </c>
      <c r="K1568">
        <v>1148216</v>
      </c>
      <c r="L1568">
        <v>1148217</v>
      </c>
      <c r="M1568">
        <v>30</v>
      </c>
      <c r="N1568" t="s">
        <v>252</v>
      </c>
      <c r="O1568" s="1">
        <v>44905.852083333331</v>
      </c>
      <c r="P1568" s="1">
        <v>44905.854861111111</v>
      </c>
    </row>
    <row r="1569" spans="1:16" x14ac:dyDescent="0.4">
      <c r="A1569">
        <v>4767</v>
      </c>
      <c r="B1569">
        <v>277126</v>
      </c>
      <c r="C1569" s="1">
        <v>45010</v>
      </c>
      <c r="D1569">
        <v>71</v>
      </c>
      <c r="E1569">
        <v>52</v>
      </c>
      <c r="F1569" t="s">
        <v>23</v>
      </c>
      <c r="G1569">
        <v>6</v>
      </c>
      <c r="H1569">
        <v>440</v>
      </c>
      <c r="I1569">
        <v>2</v>
      </c>
      <c r="J1569">
        <v>0</v>
      </c>
      <c r="K1569">
        <v>1172076</v>
      </c>
      <c r="L1569">
        <v>1172077</v>
      </c>
      <c r="M1569">
        <v>108</v>
      </c>
      <c r="N1569" t="s">
        <v>45</v>
      </c>
      <c r="O1569" s="1">
        <v>45010.904861111114</v>
      </c>
      <c r="P1569" s="1">
        <v>45010.906944444447</v>
      </c>
    </row>
    <row r="1570" spans="1:16" x14ac:dyDescent="0.4">
      <c r="A1570">
        <v>4805</v>
      </c>
      <c r="B1570">
        <v>281984</v>
      </c>
      <c r="C1570" s="1">
        <v>45087</v>
      </c>
      <c r="D1570">
        <v>126</v>
      </c>
      <c r="E1570">
        <v>138</v>
      </c>
      <c r="F1570" t="s">
        <v>181</v>
      </c>
      <c r="G1570">
        <v>2</v>
      </c>
      <c r="H1570">
        <v>418</v>
      </c>
      <c r="I1570">
        <v>1</v>
      </c>
      <c r="J1570">
        <v>0</v>
      </c>
      <c r="K1570">
        <v>1189593</v>
      </c>
      <c r="L1570">
        <v>1189594</v>
      </c>
      <c r="M1570">
        <v>110</v>
      </c>
      <c r="N1570" t="s">
        <v>262</v>
      </c>
      <c r="O1570" s="1">
        <v>45087.904861111114</v>
      </c>
      <c r="P1570" s="1">
        <v>45087.90625</v>
      </c>
    </row>
    <row r="1571" spans="1:16" x14ac:dyDescent="0.4">
      <c r="A1571">
        <v>4864</v>
      </c>
      <c r="B1571">
        <v>293449</v>
      </c>
      <c r="C1571" s="1">
        <v>45269</v>
      </c>
      <c r="D1571">
        <v>216</v>
      </c>
      <c r="E1571">
        <v>295</v>
      </c>
      <c r="F1571" t="s">
        <v>293</v>
      </c>
      <c r="G1571">
        <v>16</v>
      </c>
      <c r="H1571">
        <v>418</v>
      </c>
      <c r="I1571">
        <v>1</v>
      </c>
      <c r="J1571">
        <v>0</v>
      </c>
      <c r="K1571">
        <v>1229459</v>
      </c>
      <c r="L1571">
        <v>1229460</v>
      </c>
      <c r="M1571">
        <v>116</v>
      </c>
      <c r="N1571" t="s">
        <v>263</v>
      </c>
      <c r="O1571" s="1">
        <v>45269.918055555558</v>
      </c>
      <c r="P1571" s="1">
        <v>45269.936111111114</v>
      </c>
    </row>
    <row r="1572" spans="1:16" x14ac:dyDescent="0.4">
      <c r="A1572">
        <v>4865</v>
      </c>
      <c r="B1572">
        <v>293449</v>
      </c>
      <c r="C1572" s="1">
        <v>45269</v>
      </c>
      <c r="D1572">
        <v>121</v>
      </c>
      <c r="E1572">
        <v>139</v>
      </c>
      <c r="F1572" t="s">
        <v>164</v>
      </c>
      <c r="G1572">
        <v>16</v>
      </c>
      <c r="H1572">
        <v>308</v>
      </c>
      <c r="I1572">
        <v>1</v>
      </c>
      <c r="J1572">
        <v>0</v>
      </c>
      <c r="K1572">
        <v>1229461</v>
      </c>
      <c r="L1572">
        <v>1229462</v>
      </c>
      <c r="M1572">
        <v>116</v>
      </c>
      <c r="N1572" t="s">
        <v>263</v>
      </c>
      <c r="O1572" s="1">
        <v>45269.918055555558</v>
      </c>
      <c r="P1572" s="1">
        <v>45269.936111111114</v>
      </c>
    </row>
    <row r="1573" spans="1:16" x14ac:dyDescent="0.4">
      <c r="A1573">
        <v>2689</v>
      </c>
      <c r="B1573">
        <v>116435</v>
      </c>
      <c r="C1573" s="1">
        <v>42309</v>
      </c>
      <c r="D1573">
        <v>61</v>
      </c>
      <c r="E1573">
        <v>34</v>
      </c>
      <c r="F1573" t="s">
        <v>115</v>
      </c>
      <c r="G1573">
        <v>1</v>
      </c>
      <c r="H1573">
        <v>320</v>
      </c>
      <c r="I1573">
        <v>1</v>
      </c>
      <c r="J1573">
        <v>0</v>
      </c>
      <c r="K1573">
        <v>510561</v>
      </c>
      <c r="L1573">
        <v>510562</v>
      </c>
      <c r="M1573">
        <v>81</v>
      </c>
      <c r="N1573" t="s">
        <v>294</v>
      </c>
      <c r="O1573" s="1">
        <v>42309.746527777781</v>
      </c>
      <c r="P1573" s="1">
        <v>42309.761805555558</v>
      </c>
    </row>
    <row r="1574" spans="1:16" x14ac:dyDescent="0.4">
      <c r="A1574">
        <v>2690</v>
      </c>
      <c r="B1574">
        <v>116491</v>
      </c>
      <c r="C1574" s="1">
        <v>42310</v>
      </c>
      <c r="D1574">
        <v>144</v>
      </c>
      <c r="E1574">
        <v>130</v>
      </c>
      <c r="F1574" t="s">
        <v>42</v>
      </c>
      <c r="G1574">
        <v>7</v>
      </c>
      <c r="H1574">
        <v>200</v>
      </c>
      <c r="I1574">
        <v>1</v>
      </c>
      <c r="J1574">
        <v>0</v>
      </c>
      <c r="K1574">
        <v>510850</v>
      </c>
      <c r="L1574">
        <v>510851</v>
      </c>
      <c r="M1574">
        <v>85</v>
      </c>
      <c r="N1574" t="s">
        <v>295</v>
      </c>
      <c r="O1574" s="1">
        <v>42310.539583333331</v>
      </c>
      <c r="P1574" s="1">
        <v>42310.654166666667</v>
      </c>
    </row>
    <row r="1575" spans="1:16" x14ac:dyDescent="0.4">
      <c r="A1575">
        <v>2691</v>
      </c>
      <c r="B1575">
        <v>116491</v>
      </c>
      <c r="C1575" s="1">
        <v>42310</v>
      </c>
      <c r="D1575">
        <v>98</v>
      </c>
      <c r="E1575">
        <v>22</v>
      </c>
      <c r="F1575" t="s">
        <v>296</v>
      </c>
      <c r="G1575">
        <v>7</v>
      </c>
      <c r="H1575">
        <v>580</v>
      </c>
      <c r="I1575">
        <v>1</v>
      </c>
      <c r="J1575">
        <v>0</v>
      </c>
      <c r="K1575">
        <v>510852</v>
      </c>
      <c r="L1575">
        <v>510853</v>
      </c>
      <c r="M1575">
        <v>85</v>
      </c>
      <c r="N1575" t="s">
        <v>295</v>
      </c>
      <c r="O1575" s="1">
        <v>42310.619444444441</v>
      </c>
      <c r="P1575" s="1">
        <v>42310.654166666667</v>
      </c>
    </row>
    <row r="1576" spans="1:16" x14ac:dyDescent="0.4">
      <c r="A1576">
        <v>2692</v>
      </c>
      <c r="B1576">
        <v>116475</v>
      </c>
      <c r="C1576" s="1">
        <v>42310</v>
      </c>
      <c r="D1576">
        <v>290</v>
      </c>
      <c r="E1576">
        <v>1260</v>
      </c>
      <c r="F1576" t="s">
        <v>22</v>
      </c>
      <c r="G1576">
        <v>19</v>
      </c>
      <c r="H1576">
        <v>500</v>
      </c>
      <c r="I1576">
        <v>1</v>
      </c>
      <c r="J1576">
        <v>0</v>
      </c>
      <c r="K1576">
        <v>510857</v>
      </c>
      <c r="L1576">
        <v>510858</v>
      </c>
      <c r="M1576">
        <v>85</v>
      </c>
      <c r="N1576" t="s">
        <v>295</v>
      </c>
      <c r="O1576" s="1">
        <v>42310.53402777778</v>
      </c>
      <c r="P1576" s="1">
        <v>42310.663888888892</v>
      </c>
    </row>
    <row r="1577" spans="1:16" x14ac:dyDescent="0.4">
      <c r="A1577">
        <v>2693</v>
      </c>
      <c r="B1577">
        <v>116495</v>
      </c>
      <c r="C1577" s="1">
        <v>42310</v>
      </c>
      <c r="D1577">
        <v>125</v>
      </c>
      <c r="E1577">
        <v>126</v>
      </c>
      <c r="F1577" t="s">
        <v>8</v>
      </c>
      <c r="G1577">
        <v>10</v>
      </c>
      <c r="H1577">
        <v>380</v>
      </c>
      <c r="I1577">
        <v>1</v>
      </c>
      <c r="J1577">
        <v>0</v>
      </c>
      <c r="K1577">
        <v>510861</v>
      </c>
      <c r="L1577">
        <v>510862</v>
      </c>
      <c r="M1577">
        <v>85</v>
      </c>
      <c r="N1577" t="s">
        <v>295</v>
      </c>
      <c r="O1577" s="1">
        <v>42310.574999999997</v>
      </c>
      <c r="P1577" s="1">
        <v>42310.668055555558</v>
      </c>
    </row>
    <row r="1578" spans="1:16" x14ac:dyDescent="0.4">
      <c r="A1578">
        <v>2694</v>
      </c>
      <c r="B1578">
        <v>116536</v>
      </c>
      <c r="C1578" s="1">
        <v>42310</v>
      </c>
      <c r="D1578">
        <v>123</v>
      </c>
      <c r="E1578">
        <v>137</v>
      </c>
      <c r="F1578" t="s">
        <v>39</v>
      </c>
      <c r="G1578">
        <v>2</v>
      </c>
      <c r="H1578">
        <v>380</v>
      </c>
      <c r="I1578">
        <v>1</v>
      </c>
      <c r="J1578">
        <v>0</v>
      </c>
      <c r="K1578">
        <v>510993</v>
      </c>
      <c r="L1578">
        <v>510994</v>
      </c>
      <c r="M1578">
        <v>93</v>
      </c>
      <c r="N1578" t="s">
        <v>15</v>
      </c>
      <c r="O1578" s="1">
        <v>42310.944444444445</v>
      </c>
      <c r="P1578" s="1">
        <v>42310.954861111109</v>
      </c>
    </row>
    <row r="1579" spans="1:16" x14ac:dyDescent="0.4">
      <c r="A1579">
        <v>2696</v>
      </c>
      <c r="B1579">
        <v>116578</v>
      </c>
      <c r="C1579" s="1">
        <v>42311</v>
      </c>
      <c r="D1579">
        <v>9</v>
      </c>
      <c r="E1579">
        <v>101</v>
      </c>
      <c r="F1579" t="s">
        <v>54</v>
      </c>
      <c r="G1579">
        <v>3</v>
      </c>
      <c r="H1579">
        <v>420</v>
      </c>
      <c r="I1579">
        <v>1</v>
      </c>
      <c r="J1579">
        <v>0</v>
      </c>
      <c r="K1579">
        <v>511138</v>
      </c>
      <c r="L1579">
        <v>511139</v>
      </c>
      <c r="M1579">
        <v>93</v>
      </c>
      <c r="N1579" t="s">
        <v>15</v>
      </c>
      <c r="O1579" s="1">
        <v>42311.664583333331</v>
      </c>
      <c r="P1579" s="1">
        <v>42311.668055555558</v>
      </c>
    </row>
    <row r="1580" spans="1:16" x14ac:dyDescent="0.4">
      <c r="A1580">
        <v>2697</v>
      </c>
      <c r="B1580">
        <v>116681</v>
      </c>
      <c r="C1580" s="1">
        <v>42313</v>
      </c>
      <c r="D1580">
        <v>207</v>
      </c>
      <c r="E1580">
        <v>420</v>
      </c>
      <c r="F1580" t="s">
        <v>90</v>
      </c>
      <c r="G1580">
        <v>2</v>
      </c>
      <c r="H1580">
        <v>320</v>
      </c>
      <c r="I1580">
        <v>1</v>
      </c>
      <c r="J1580">
        <v>0</v>
      </c>
      <c r="K1580">
        <v>511578</v>
      </c>
      <c r="L1580">
        <v>511579</v>
      </c>
      <c r="M1580">
        <v>89</v>
      </c>
      <c r="N1580" t="s">
        <v>297</v>
      </c>
      <c r="O1580" s="1">
        <v>42313.856944444444</v>
      </c>
      <c r="P1580" s="1">
        <v>42313.856944444444</v>
      </c>
    </row>
    <row r="1581" spans="1:16" x14ac:dyDescent="0.4">
      <c r="A1581">
        <v>2698</v>
      </c>
      <c r="B1581">
        <v>116681</v>
      </c>
      <c r="C1581" s="1">
        <v>42313</v>
      </c>
      <c r="D1581">
        <v>205</v>
      </c>
      <c r="E1581">
        <v>400</v>
      </c>
      <c r="F1581" t="s">
        <v>125</v>
      </c>
      <c r="G1581">
        <v>2</v>
      </c>
      <c r="H1581">
        <v>320</v>
      </c>
      <c r="I1581">
        <v>1</v>
      </c>
      <c r="J1581">
        <v>0</v>
      </c>
      <c r="K1581">
        <v>511581</v>
      </c>
      <c r="L1581">
        <v>511582</v>
      </c>
      <c r="M1581">
        <v>89</v>
      </c>
      <c r="N1581" t="s">
        <v>297</v>
      </c>
      <c r="O1581" s="1">
        <v>42313.857638888891</v>
      </c>
      <c r="P1581" s="1">
        <v>42313.857638888891</v>
      </c>
    </row>
    <row r="1582" spans="1:16" x14ac:dyDescent="0.4">
      <c r="A1582">
        <v>2699</v>
      </c>
      <c r="B1582">
        <v>116846</v>
      </c>
      <c r="C1582" s="1">
        <v>42315</v>
      </c>
      <c r="D1582">
        <v>99</v>
      </c>
      <c r="E1582">
        <v>23</v>
      </c>
      <c r="F1582" t="s">
        <v>103</v>
      </c>
      <c r="G1582">
        <v>6</v>
      </c>
      <c r="H1582">
        <v>480</v>
      </c>
      <c r="I1582">
        <v>1</v>
      </c>
      <c r="J1582">
        <v>0</v>
      </c>
      <c r="K1582">
        <v>512319</v>
      </c>
      <c r="L1582">
        <v>512320</v>
      </c>
      <c r="M1582">
        <v>80</v>
      </c>
      <c r="N1582" t="s">
        <v>40</v>
      </c>
      <c r="O1582" s="1">
        <v>42315.832638888889</v>
      </c>
      <c r="P1582" s="1">
        <v>42315.832638888889</v>
      </c>
    </row>
    <row r="1583" spans="1:16" x14ac:dyDescent="0.4">
      <c r="A1583">
        <v>2695</v>
      </c>
      <c r="B1583">
        <v>116536</v>
      </c>
      <c r="C1583" s="1">
        <v>42310</v>
      </c>
      <c r="D1583">
        <v>290</v>
      </c>
      <c r="E1583">
        <v>1260</v>
      </c>
      <c r="F1583" t="s">
        <v>22</v>
      </c>
      <c r="G1583">
        <v>2</v>
      </c>
      <c r="H1583">
        <v>500</v>
      </c>
      <c r="I1583">
        <v>1</v>
      </c>
      <c r="J1583">
        <v>0</v>
      </c>
      <c r="K1583">
        <v>510995</v>
      </c>
      <c r="L1583">
        <v>510996</v>
      </c>
      <c r="M1583">
        <v>93</v>
      </c>
      <c r="N1583" t="s">
        <v>15</v>
      </c>
      <c r="O1583" s="1">
        <v>42310.944444444445</v>
      </c>
      <c r="P1583" s="1">
        <v>42310.954861111109</v>
      </c>
    </row>
    <row r="1584" spans="1:16" x14ac:dyDescent="0.4">
      <c r="A1584">
        <v>2700</v>
      </c>
      <c r="B1584">
        <v>116870</v>
      </c>
      <c r="C1584" s="1">
        <v>42315</v>
      </c>
      <c r="D1584">
        <v>66</v>
      </c>
      <c r="E1584">
        <v>39</v>
      </c>
      <c r="F1584" t="s">
        <v>135</v>
      </c>
      <c r="G1584">
        <v>5</v>
      </c>
      <c r="H1584">
        <v>320</v>
      </c>
      <c r="I1584">
        <v>1</v>
      </c>
      <c r="J1584">
        <v>0</v>
      </c>
      <c r="K1584">
        <v>512487</v>
      </c>
      <c r="L1584">
        <v>512488</v>
      </c>
      <c r="M1584">
        <v>91</v>
      </c>
      <c r="N1584" t="s">
        <v>24</v>
      </c>
      <c r="O1584" s="1">
        <v>42315.988888888889</v>
      </c>
      <c r="P1584" s="1">
        <v>42315.989583333336</v>
      </c>
    </row>
    <row r="1585" spans="1:16" x14ac:dyDescent="0.4">
      <c r="A1585">
        <v>2701</v>
      </c>
      <c r="B1585">
        <v>116870</v>
      </c>
      <c r="C1585" s="1">
        <v>42315</v>
      </c>
      <c r="D1585">
        <v>72</v>
      </c>
      <c r="E1585">
        <v>53</v>
      </c>
      <c r="F1585" t="s">
        <v>77</v>
      </c>
      <c r="G1585">
        <v>5</v>
      </c>
      <c r="H1585">
        <v>400</v>
      </c>
      <c r="I1585">
        <v>1</v>
      </c>
      <c r="J1585">
        <v>0</v>
      </c>
      <c r="K1585">
        <v>512489</v>
      </c>
      <c r="L1585">
        <v>512490</v>
      </c>
      <c r="M1585">
        <v>91</v>
      </c>
      <c r="N1585" t="s">
        <v>24</v>
      </c>
      <c r="O1585" s="1">
        <v>42315.988888888889</v>
      </c>
      <c r="P1585" s="1">
        <v>42315.989583333336</v>
      </c>
    </row>
    <row r="1586" spans="1:16" x14ac:dyDescent="0.4">
      <c r="A1586">
        <v>2702</v>
      </c>
      <c r="B1586">
        <v>116969</v>
      </c>
      <c r="C1586" s="1">
        <v>42316</v>
      </c>
      <c r="D1586">
        <v>310</v>
      </c>
      <c r="E1586">
        <v>315</v>
      </c>
      <c r="F1586" t="s">
        <v>298</v>
      </c>
      <c r="G1586">
        <v>1</v>
      </c>
      <c r="H1586">
        <v>500</v>
      </c>
      <c r="I1586">
        <v>1</v>
      </c>
      <c r="J1586">
        <v>0</v>
      </c>
      <c r="K1586">
        <v>512926</v>
      </c>
      <c r="L1586">
        <v>512927</v>
      </c>
      <c r="M1586">
        <v>90</v>
      </c>
      <c r="N1586" t="s">
        <v>9</v>
      </c>
      <c r="O1586" s="1">
        <v>42317.202777777777</v>
      </c>
      <c r="P1586" s="1">
        <v>42317.213888888888</v>
      </c>
    </row>
    <row r="1587" spans="1:16" x14ac:dyDescent="0.4">
      <c r="A1587">
        <v>2703</v>
      </c>
      <c r="B1587">
        <v>117042</v>
      </c>
      <c r="C1587" s="1">
        <v>42318</v>
      </c>
      <c r="D1587">
        <v>113</v>
      </c>
      <c r="E1587">
        <v>81</v>
      </c>
      <c r="F1587" t="s">
        <v>171</v>
      </c>
      <c r="G1587">
        <v>9</v>
      </c>
      <c r="H1587">
        <v>400</v>
      </c>
      <c r="I1587">
        <v>1</v>
      </c>
      <c r="J1587">
        <v>0</v>
      </c>
      <c r="K1587">
        <v>513220</v>
      </c>
      <c r="L1587">
        <v>513221</v>
      </c>
      <c r="M1587">
        <v>91</v>
      </c>
      <c r="N1587" t="s">
        <v>24</v>
      </c>
      <c r="O1587" s="1">
        <v>42318.859027777777</v>
      </c>
      <c r="P1587" s="1">
        <v>42318.86041666667</v>
      </c>
    </row>
    <row r="1588" spans="1:16" x14ac:dyDescent="0.4">
      <c r="A1588">
        <v>2704</v>
      </c>
      <c r="B1588">
        <v>117054</v>
      </c>
      <c r="C1588" s="1">
        <v>42318</v>
      </c>
      <c r="D1588">
        <v>188</v>
      </c>
      <c r="E1588">
        <v>227</v>
      </c>
      <c r="F1588" t="s">
        <v>113</v>
      </c>
      <c r="G1588">
        <v>1</v>
      </c>
      <c r="H1588">
        <v>280</v>
      </c>
      <c r="I1588">
        <v>1</v>
      </c>
      <c r="J1588">
        <v>0</v>
      </c>
      <c r="K1588">
        <v>513287</v>
      </c>
      <c r="L1588">
        <v>513288</v>
      </c>
      <c r="M1588">
        <v>74</v>
      </c>
      <c r="N1588" t="s">
        <v>56</v>
      </c>
      <c r="O1588" s="1">
        <v>42318.988888888889</v>
      </c>
      <c r="P1588" s="1">
        <v>42319.004861111112</v>
      </c>
    </row>
    <row r="1589" spans="1:16" x14ac:dyDescent="0.4">
      <c r="A1589">
        <v>2705</v>
      </c>
      <c r="B1589">
        <v>117087</v>
      </c>
      <c r="C1589" s="1">
        <v>42319</v>
      </c>
      <c r="D1589">
        <v>142</v>
      </c>
      <c r="E1589">
        <v>125</v>
      </c>
      <c r="F1589" t="s">
        <v>31</v>
      </c>
      <c r="G1589">
        <v>4</v>
      </c>
      <c r="H1589">
        <v>350</v>
      </c>
      <c r="I1589">
        <v>1</v>
      </c>
      <c r="J1589">
        <v>0</v>
      </c>
      <c r="K1589">
        <v>513406</v>
      </c>
      <c r="L1589">
        <v>513407</v>
      </c>
      <c r="M1589">
        <v>89</v>
      </c>
      <c r="N1589" t="s">
        <v>297</v>
      </c>
      <c r="O1589" s="1">
        <v>42319.777777777781</v>
      </c>
      <c r="P1589" s="1">
        <v>42319.779166666667</v>
      </c>
    </row>
    <row r="1590" spans="1:16" x14ac:dyDescent="0.4">
      <c r="A1590">
        <v>2706</v>
      </c>
      <c r="B1590">
        <v>117148</v>
      </c>
      <c r="C1590" s="1">
        <v>42320</v>
      </c>
      <c r="D1590">
        <v>186</v>
      </c>
      <c r="E1590">
        <v>225</v>
      </c>
      <c r="F1590" t="s">
        <v>34</v>
      </c>
      <c r="G1590">
        <v>6</v>
      </c>
      <c r="H1590">
        <v>0</v>
      </c>
      <c r="I1590">
        <v>2</v>
      </c>
      <c r="J1590">
        <v>0</v>
      </c>
      <c r="K1590">
        <v>513697</v>
      </c>
      <c r="L1590">
        <v>513698</v>
      </c>
      <c r="M1590">
        <v>80</v>
      </c>
      <c r="N1590" t="s">
        <v>40</v>
      </c>
      <c r="O1590" s="1">
        <v>42321.222222222219</v>
      </c>
      <c r="P1590" s="1">
        <v>42321.249305555553</v>
      </c>
    </row>
    <row r="1591" spans="1:16" x14ac:dyDescent="0.4">
      <c r="A1591">
        <v>2707</v>
      </c>
      <c r="B1591">
        <v>117148</v>
      </c>
      <c r="C1591" s="1">
        <v>42320</v>
      </c>
      <c r="D1591">
        <v>186</v>
      </c>
      <c r="E1591">
        <v>225</v>
      </c>
      <c r="F1591" t="s">
        <v>34</v>
      </c>
      <c r="G1591">
        <v>6</v>
      </c>
      <c r="H1591">
        <v>0</v>
      </c>
      <c r="I1591">
        <v>5</v>
      </c>
      <c r="J1591">
        <v>0</v>
      </c>
      <c r="K1591">
        <v>513700</v>
      </c>
      <c r="L1591">
        <v>513701</v>
      </c>
      <c r="M1591">
        <v>80</v>
      </c>
      <c r="N1591" t="s">
        <v>40</v>
      </c>
      <c r="O1591" s="1">
        <v>42321.25</v>
      </c>
      <c r="P1591" s="1">
        <v>42321.25</v>
      </c>
    </row>
    <row r="1592" spans="1:16" x14ac:dyDescent="0.4">
      <c r="A1592">
        <v>2708</v>
      </c>
      <c r="B1592">
        <v>117204</v>
      </c>
      <c r="C1592" s="1">
        <v>42321</v>
      </c>
      <c r="D1592">
        <v>186</v>
      </c>
      <c r="E1592">
        <v>225</v>
      </c>
      <c r="F1592" t="s">
        <v>34</v>
      </c>
      <c r="G1592">
        <v>11</v>
      </c>
      <c r="H1592">
        <v>280</v>
      </c>
      <c r="I1592">
        <v>1</v>
      </c>
      <c r="J1592">
        <v>0</v>
      </c>
      <c r="K1592">
        <v>513925</v>
      </c>
      <c r="L1592">
        <v>513926</v>
      </c>
      <c r="M1592">
        <v>85</v>
      </c>
      <c r="N1592" t="s">
        <v>295</v>
      </c>
      <c r="O1592" s="1">
        <v>42321.933333333334</v>
      </c>
      <c r="P1592" s="1">
        <v>42321.948611111111</v>
      </c>
    </row>
    <row r="1593" spans="1:16" x14ac:dyDescent="0.4">
      <c r="A1593">
        <v>2709</v>
      </c>
      <c r="B1593">
        <v>117292</v>
      </c>
      <c r="C1593" s="1">
        <v>42322</v>
      </c>
      <c r="D1593">
        <v>99</v>
      </c>
      <c r="E1593">
        <v>23</v>
      </c>
      <c r="F1593" t="s">
        <v>103</v>
      </c>
      <c r="G1593">
        <v>20</v>
      </c>
      <c r="H1593">
        <v>0</v>
      </c>
      <c r="I1593">
        <v>9</v>
      </c>
      <c r="J1593">
        <v>0</v>
      </c>
      <c r="K1593">
        <v>514301</v>
      </c>
      <c r="L1593">
        <v>514302</v>
      </c>
      <c r="M1593">
        <v>80</v>
      </c>
      <c r="N1593" t="s">
        <v>40</v>
      </c>
      <c r="O1593" s="1">
        <v>42322.865972222222</v>
      </c>
      <c r="P1593" s="1">
        <v>42322.879861111112</v>
      </c>
    </row>
    <row r="1594" spans="1:16" x14ac:dyDescent="0.4">
      <c r="A1594">
        <v>2710</v>
      </c>
      <c r="B1594">
        <v>117447</v>
      </c>
      <c r="C1594" s="1">
        <v>42324</v>
      </c>
      <c r="D1594">
        <v>84</v>
      </c>
      <c r="E1594">
        <v>65</v>
      </c>
      <c r="F1594" t="s">
        <v>71</v>
      </c>
      <c r="G1594">
        <v>15</v>
      </c>
      <c r="H1594">
        <v>400</v>
      </c>
      <c r="I1594">
        <v>2</v>
      </c>
      <c r="J1594">
        <v>0</v>
      </c>
      <c r="K1594">
        <v>515032</v>
      </c>
      <c r="L1594">
        <v>515033</v>
      </c>
      <c r="M1594">
        <v>80</v>
      </c>
      <c r="N1594" t="s">
        <v>40</v>
      </c>
      <c r="O1594" s="1">
        <v>42325.006249999999</v>
      </c>
      <c r="P1594" s="1">
        <v>42325.049305555556</v>
      </c>
    </row>
    <row r="1595" spans="1:16" x14ac:dyDescent="0.4">
      <c r="A1595">
        <v>2711</v>
      </c>
      <c r="B1595">
        <v>117585</v>
      </c>
      <c r="C1595" s="1">
        <v>42327</v>
      </c>
      <c r="D1595">
        <v>97</v>
      </c>
      <c r="E1595">
        <v>21</v>
      </c>
      <c r="F1595" t="s">
        <v>6</v>
      </c>
      <c r="G1595">
        <v>6</v>
      </c>
      <c r="H1595">
        <v>420</v>
      </c>
      <c r="I1595">
        <v>1</v>
      </c>
      <c r="J1595">
        <v>0</v>
      </c>
      <c r="K1595">
        <v>515615</v>
      </c>
      <c r="L1595">
        <v>515616</v>
      </c>
      <c r="M1595">
        <v>29</v>
      </c>
      <c r="O1595" s="1">
        <v>42328.097222222219</v>
      </c>
      <c r="P1595" s="1">
        <v>42328.097916666666</v>
      </c>
    </row>
    <row r="1596" spans="1:16" x14ac:dyDescent="0.4">
      <c r="A1596">
        <v>2712</v>
      </c>
      <c r="B1596">
        <v>117585</v>
      </c>
      <c r="C1596" s="1">
        <v>42327</v>
      </c>
      <c r="D1596">
        <v>16</v>
      </c>
      <c r="E1596">
        <v>120</v>
      </c>
      <c r="F1596" t="s">
        <v>58</v>
      </c>
      <c r="G1596">
        <v>6</v>
      </c>
      <c r="H1596">
        <v>450</v>
      </c>
      <c r="I1596">
        <v>1</v>
      </c>
      <c r="J1596">
        <v>0</v>
      </c>
      <c r="K1596">
        <v>515622</v>
      </c>
      <c r="L1596">
        <v>515623</v>
      </c>
      <c r="M1596">
        <v>29</v>
      </c>
      <c r="O1596" s="1">
        <v>42328.120833333334</v>
      </c>
      <c r="P1596" s="1">
        <v>42328.124305555553</v>
      </c>
    </row>
    <row r="1597" spans="1:16" x14ac:dyDescent="0.4">
      <c r="A1597">
        <v>2713</v>
      </c>
      <c r="B1597">
        <v>117934</v>
      </c>
      <c r="C1597" s="1">
        <v>42331</v>
      </c>
      <c r="D1597">
        <v>66</v>
      </c>
      <c r="E1597">
        <v>39</v>
      </c>
      <c r="F1597" t="s">
        <v>135</v>
      </c>
      <c r="G1597">
        <v>20</v>
      </c>
      <c r="H1597">
        <v>320</v>
      </c>
      <c r="I1597">
        <v>1</v>
      </c>
      <c r="J1597">
        <v>0</v>
      </c>
      <c r="K1597">
        <v>517243</v>
      </c>
      <c r="L1597">
        <v>517244</v>
      </c>
      <c r="M1597">
        <v>90</v>
      </c>
      <c r="N1597" t="s">
        <v>9</v>
      </c>
      <c r="O1597" s="1">
        <v>42332.032638888886</v>
      </c>
      <c r="P1597" s="1">
        <v>42332.032638888886</v>
      </c>
    </row>
    <row r="1598" spans="1:16" x14ac:dyDescent="0.4">
      <c r="A1598">
        <v>2714</v>
      </c>
      <c r="B1598">
        <v>117934</v>
      </c>
      <c r="C1598" s="1">
        <v>42331</v>
      </c>
      <c r="D1598">
        <v>73</v>
      </c>
      <c r="E1598">
        <v>54</v>
      </c>
      <c r="F1598" t="s">
        <v>36</v>
      </c>
      <c r="G1598">
        <v>20</v>
      </c>
      <c r="H1598">
        <v>400</v>
      </c>
      <c r="I1598">
        <v>1</v>
      </c>
      <c r="J1598">
        <v>0</v>
      </c>
      <c r="K1598">
        <v>517245</v>
      </c>
      <c r="L1598">
        <v>517246</v>
      </c>
      <c r="M1598">
        <v>90</v>
      </c>
      <c r="N1598" t="s">
        <v>9</v>
      </c>
      <c r="O1598" s="1">
        <v>42332.032638888886</v>
      </c>
      <c r="P1598" s="1">
        <v>42332.032638888886</v>
      </c>
    </row>
    <row r="1599" spans="1:16" x14ac:dyDescent="0.4">
      <c r="A1599">
        <v>2715</v>
      </c>
      <c r="B1599">
        <v>117934</v>
      </c>
      <c r="C1599" s="1">
        <v>42331</v>
      </c>
      <c r="D1599">
        <v>76</v>
      </c>
      <c r="E1599">
        <v>51</v>
      </c>
      <c r="F1599" t="s">
        <v>33</v>
      </c>
      <c r="G1599">
        <v>20</v>
      </c>
      <c r="H1599">
        <v>400</v>
      </c>
      <c r="I1599">
        <v>1</v>
      </c>
      <c r="J1599">
        <v>0</v>
      </c>
      <c r="K1599">
        <v>517247</v>
      </c>
      <c r="L1599">
        <v>517248</v>
      </c>
      <c r="M1599">
        <v>90</v>
      </c>
      <c r="N1599" t="s">
        <v>9</v>
      </c>
      <c r="O1599" s="1">
        <v>42332.032638888886</v>
      </c>
      <c r="P1599" s="1">
        <v>42332.032638888886</v>
      </c>
    </row>
    <row r="1600" spans="1:16" x14ac:dyDescent="0.4">
      <c r="A1600">
        <v>2716</v>
      </c>
      <c r="B1600">
        <v>117934</v>
      </c>
      <c r="C1600" s="1">
        <v>42331</v>
      </c>
      <c r="D1600">
        <v>213</v>
      </c>
      <c r="E1600">
        <v>211</v>
      </c>
      <c r="F1600" t="s">
        <v>46</v>
      </c>
      <c r="G1600">
        <v>20</v>
      </c>
      <c r="H1600">
        <v>0</v>
      </c>
      <c r="I1600">
        <v>1</v>
      </c>
      <c r="J1600">
        <v>0</v>
      </c>
      <c r="K1600">
        <v>517249</v>
      </c>
      <c r="L1600">
        <v>517250</v>
      </c>
      <c r="M1600">
        <v>90</v>
      </c>
      <c r="N1600" t="s">
        <v>9</v>
      </c>
      <c r="O1600" s="1">
        <v>42332.032638888886</v>
      </c>
      <c r="P1600" s="1">
        <v>42332.032638888886</v>
      </c>
    </row>
    <row r="1601" spans="1:16" x14ac:dyDescent="0.4">
      <c r="A1601">
        <v>2717</v>
      </c>
      <c r="B1601">
        <v>117934</v>
      </c>
      <c r="C1601" s="1">
        <v>42331</v>
      </c>
      <c r="D1601">
        <v>187</v>
      </c>
      <c r="E1601">
        <v>226</v>
      </c>
      <c r="F1601" t="s">
        <v>114</v>
      </c>
      <c r="G1601">
        <v>20</v>
      </c>
      <c r="H1601">
        <v>280</v>
      </c>
      <c r="I1601">
        <v>1</v>
      </c>
      <c r="J1601">
        <v>0</v>
      </c>
      <c r="K1601">
        <v>517251</v>
      </c>
      <c r="L1601">
        <v>517252</v>
      </c>
      <c r="M1601">
        <v>90</v>
      </c>
      <c r="N1601" t="s">
        <v>9</v>
      </c>
      <c r="O1601" s="1">
        <v>42332.032638888886</v>
      </c>
      <c r="P1601" s="1">
        <v>42332.032638888886</v>
      </c>
    </row>
    <row r="1602" spans="1:16" x14ac:dyDescent="0.4">
      <c r="A1602">
        <v>2718</v>
      </c>
      <c r="B1602">
        <v>118039</v>
      </c>
      <c r="C1602" s="1">
        <v>42334</v>
      </c>
      <c r="D1602">
        <v>97</v>
      </c>
      <c r="E1602">
        <v>21</v>
      </c>
      <c r="F1602" t="s">
        <v>6</v>
      </c>
      <c r="G1602">
        <v>6</v>
      </c>
      <c r="H1602">
        <v>420</v>
      </c>
      <c r="I1602">
        <v>1</v>
      </c>
      <c r="J1602">
        <v>0</v>
      </c>
      <c r="K1602">
        <v>517709</v>
      </c>
      <c r="L1602">
        <v>517710</v>
      </c>
      <c r="M1602">
        <v>85</v>
      </c>
      <c r="N1602" t="s">
        <v>295</v>
      </c>
      <c r="O1602" s="1">
        <v>42334.501388888886</v>
      </c>
      <c r="P1602" s="1">
        <v>42334.501388888886</v>
      </c>
    </row>
    <row r="1603" spans="1:16" x14ac:dyDescent="0.4">
      <c r="A1603">
        <v>2719</v>
      </c>
      <c r="B1603">
        <v>118036</v>
      </c>
      <c r="C1603" s="1">
        <v>42334</v>
      </c>
      <c r="D1603">
        <v>163</v>
      </c>
      <c r="E1603">
        <v>104</v>
      </c>
      <c r="F1603" t="s">
        <v>69</v>
      </c>
      <c r="G1603">
        <v>4</v>
      </c>
      <c r="H1603">
        <v>500</v>
      </c>
      <c r="I1603">
        <v>1</v>
      </c>
      <c r="J1603">
        <v>0</v>
      </c>
      <c r="K1603">
        <v>517727</v>
      </c>
      <c r="L1603">
        <v>517728</v>
      </c>
      <c r="M1603">
        <v>85</v>
      </c>
      <c r="N1603" t="s">
        <v>295</v>
      </c>
      <c r="O1603" s="1">
        <v>42334.464583333334</v>
      </c>
      <c r="P1603" s="1">
        <v>42334.571527777778</v>
      </c>
    </row>
    <row r="1604" spans="1:16" x14ac:dyDescent="0.4">
      <c r="A1604">
        <v>2720</v>
      </c>
      <c r="B1604">
        <v>118091</v>
      </c>
      <c r="C1604" s="1">
        <v>42334</v>
      </c>
      <c r="D1604">
        <v>65</v>
      </c>
      <c r="E1604">
        <v>38</v>
      </c>
      <c r="F1604" t="s">
        <v>80</v>
      </c>
      <c r="G1604">
        <v>14</v>
      </c>
      <c r="H1604">
        <v>320</v>
      </c>
      <c r="I1604">
        <v>1</v>
      </c>
      <c r="J1604">
        <v>0</v>
      </c>
      <c r="K1604">
        <v>517921</v>
      </c>
      <c r="L1604">
        <v>517922</v>
      </c>
      <c r="M1604">
        <v>80</v>
      </c>
      <c r="N1604" t="s">
        <v>40</v>
      </c>
      <c r="O1604" s="1">
        <v>42334.980555555558</v>
      </c>
      <c r="P1604" s="1">
        <v>42335.030555555553</v>
      </c>
    </row>
    <row r="1605" spans="1:16" x14ac:dyDescent="0.4">
      <c r="A1605">
        <v>2721</v>
      </c>
      <c r="B1605">
        <v>118091</v>
      </c>
      <c r="C1605" s="1">
        <v>42334</v>
      </c>
      <c r="D1605">
        <v>239</v>
      </c>
      <c r="E1605">
        <v>17</v>
      </c>
      <c r="F1605" t="s">
        <v>148</v>
      </c>
      <c r="G1605">
        <v>14</v>
      </c>
      <c r="H1605">
        <v>0</v>
      </c>
      <c r="I1605">
        <v>1</v>
      </c>
      <c r="J1605">
        <v>0</v>
      </c>
      <c r="K1605">
        <v>517923</v>
      </c>
      <c r="L1605">
        <v>517924</v>
      </c>
      <c r="M1605">
        <v>80</v>
      </c>
      <c r="N1605" t="s">
        <v>40</v>
      </c>
      <c r="O1605" s="1">
        <v>42334.980555555558</v>
      </c>
      <c r="P1605" s="1">
        <v>42335.030555555553</v>
      </c>
    </row>
    <row r="1606" spans="1:16" x14ac:dyDescent="0.4">
      <c r="A1606">
        <v>2722</v>
      </c>
      <c r="B1606">
        <v>118091</v>
      </c>
      <c r="C1606" s="1">
        <v>42334</v>
      </c>
      <c r="D1606">
        <v>57</v>
      </c>
      <c r="E1606">
        <v>30</v>
      </c>
      <c r="F1606" t="s">
        <v>60</v>
      </c>
      <c r="G1606">
        <v>14</v>
      </c>
      <c r="H1606">
        <v>320</v>
      </c>
      <c r="I1606">
        <v>1</v>
      </c>
      <c r="J1606">
        <v>0</v>
      </c>
      <c r="K1606">
        <v>517925</v>
      </c>
      <c r="L1606">
        <v>517926</v>
      </c>
      <c r="M1606">
        <v>80</v>
      </c>
      <c r="N1606" t="s">
        <v>40</v>
      </c>
      <c r="O1606" s="1">
        <v>42335.029166666667</v>
      </c>
      <c r="P1606" s="1">
        <v>42335.030555555553</v>
      </c>
    </row>
    <row r="1607" spans="1:16" x14ac:dyDescent="0.4">
      <c r="A1607">
        <v>2723</v>
      </c>
      <c r="B1607">
        <v>118091</v>
      </c>
      <c r="C1607" s="1">
        <v>42334</v>
      </c>
      <c r="D1607">
        <v>57</v>
      </c>
      <c r="E1607">
        <v>30</v>
      </c>
      <c r="F1607" t="s">
        <v>60</v>
      </c>
      <c r="G1607">
        <v>14</v>
      </c>
      <c r="H1607">
        <v>320</v>
      </c>
      <c r="I1607">
        <v>1</v>
      </c>
      <c r="J1607">
        <v>0</v>
      </c>
      <c r="K1607">
        <v>517927</v>
      </c>
      <c r="L1607">
        <v>517928</v>
      </c>
      <c r="M1607">
        <v>80</v>
      </c>
      <c r="N1607" t="s">
        <v>40</v>
      </c>
      <c r="O1607" s="1">
        <v>42334.997916666667</v>
      </c>
      <c r="P1607" s="1">
        <v>42335.030555555553</v>
      </c>
    </row>
    <row r="1608" spans="1:16" x14ac:dyDescent="0.4">
      <c r="A1608">
        <v>2724</v>
      </c>
      <c r="B1608">
        <v>118091</v>
      </c>
      <c r="C1608" s="1">
        <v>42334</v>
      </c>
      <c r="D1608">
        <v>239</v>
      </c>
      <c r="E1608">
        <v>17</v>
      </c>
      <c r="F1608" t="s">
        <v>148</v>
      </c>
      <c r="G1608">
        <v>14</v>
      </c>
      <c r="H1608">
        <v>0</v>
      </c>
      <c r="I1608">
        <v>1</v>
      </c>
      <c r="J1608">
        <v>0</v>
      </c>
      <c r="K1608">
        <v>517929</v>
      </c>
      <c r="L1608">
        <v>517930</v>
      </c>
      <c r="M1608">
        <v>80</v>
      </c>
      <c r="N1608" t="s">
        <v>40</v>
      </c>
      <c r="O1608" s="1">
        <v>42335.029166666667</v>
      </c>
      <c r="P1608" s="1">
        <v>42335.030555555553</v>
      </c>
    </row>
    <row r="1609" spans="1:16" x14ac:dyDescent="0.4">
      <c r="A1609">
        <v>2725</v>
      </c>
      <c r="B1609">
        <v>118091</v>
      </c>
      <c r="C1609" s="1">
        <v>42334</v>
      </c>
      <c r="D1609">
        <v>65</v>
      </c>
      <c r="E1609">
        <v>38</v>
      </c>
      <c r="F1609" t="s">
        <v>80</v>
      </c>
      <c r="G1609">
        <v>14</v>
      </c>
      <c r="H1609">
        <v>320</v>
      </c>
      <c r="I1609">
        <v>1</v>
      </c>
      <c r="J1609">
        <v>0</v>
      </c>
      <c r="K1609">
        <v>517931</v>
      </c>
      <c r="L1609">
        <v>517932</v>
      </c>
      <c r="M1609">
        <v>80</v>
      </c>
      <c r="N1609" t="s">
        <v>40</v>
      </c>
      <c r="O1609" s="1">
        <v>42335.029166666667</v>
      </c>
      <c r="P1609" s="1">
        <v>42335.030555555553</v>
      </c>
    </row>
    <row r="1610" spans="1:16" x14ac:dyDescent="0.4">
      <c r="A1610">
        <v>2726</v>
      </c>
      <c r="B1610">
        <v>118093</v>
      </c>
      <c r="C1610" s="1">
        <v>42334</v>
      </c>
      <c r="D1610">
        <v>88</v>
      </c>
      <c r="E1610">
        <v>69</v>
      </c>
      <c r="F1610" t="s">
        <v>55</v>
      </c>
      <c r="G1610">
        <v>6</v>
      </c>
      <c r="H1610">
        <v>400</v>
      </c>
      <c r="I1610">
        <v>1</v>
      </c>
      <c r="J1610">
        <v>0</v>
      </c>
      <c r="K1610">
        <v>517959</v>
      </c>
      <c r="L1610">
        <v>517960</v>
      </c>
      <c r="M1610">
        <v>80</v>
      </c>
      <c r="N1610" t="s">
        <v>40</v>
      </c>
      <c r="O1610" s="1">
        <v>42335.12777777778</v>
      </c>
      <c r="P1610" s="1">
        <v>42335.147916666669</v>
      </c>
    </row>
    <row r="1611" spans="1:16" x14ac:dyDescent="0.4">
      <c r="A1611">
        <v>2727</v>
      </c>
      <c r="B1611">
        <v>118159</v>
      </c>
      <c r="C1611" s="1">
        <v>42335</v>
      </c>
      <c r="D1611">
        <v>127</v>
      </c>
      <c r="E1611">
        <v>136</v>
      </c>
      <c r="F1611" t="s">
        <v>32</v>
      </c>
      <c r="G1611">
        <v>6</v>
      </c>
      <c r="H1611">
        <v>600</v>
      </c>
      <c r="I1611">
        <v>1</v>
      </c>
      <c r="J1611">
        <v>0</v>
      </c>
      <c r="K1611">
        <v>518201</v>
      </c>
      <c r="L1611">
        <v>518202</v>
      </c>
      <c r="M1611">
        <v>84</v>
      </c>
      <c r="N1611" t="s">
        <v>299</v>
      </c>
      <c r="O1611" s="1">
        <v>42335.926388888889</v>
      </c>
      <c r="P1611" s="1">
        <v>42335.936111111114</v>
      </c>
    </row>
    <row r="1612" spans="1:16" x14ac:dyDescent="0.4">
      <c r="A1612">
        <v>2728</v>
      </c>
      <c r="B1612">
        <v>118159</v>
      </c>
      <c r="C1612" s="1">
        <v>42335</v>
      </c>
      <c r="D1612">
        <v>284</v>
      </c>
      <c r="E1612">
        <v>380</v>
      </c>
      <c r="F1612" t="s">
        <v>300</v>
      </c>
      <c r="G1612">
        <v>6</v>
      </c>
      <c r="H1612">
        <v>450</v>
      </c>
      <c r="I1612">
        <v>1</v>
      </c>
      <c r="J1612">
        <v>0</v>
      </c>
      <c r="K1612">
        <v>518203</v>
      </c>
      <c r="L1612">
        <v>518204</v>
      </c>
      <c r="M1612">
        <v>84</v>
      </c>
      <c r="N1612" t="s">
        <v>299</v>
      </c>
      <c r="O1612" s="1">
        <v>42335.926388888889</v>
      </c>
      <c r="P1612" s="1">
        <v>42335.936111111114</v>
      </c>
    </row>
    <row r="1613" spans="1:16" x14ac:dyDescent="0.4">
      <c r="A1613">
        <v>2729</v>
      </c>
      <c r="B1613">
        <v>118159</v>
      </c>
      <c r="C1613" s="1">
        <v>42335</v>
      </c>
      <c r="D1613">
        <v>157</v>
      </c>
      <c r="E1613">
        <v>113</v>
      </c>
      <c r="F1613" t="s">
        <v>59</v>
      </c>
      <c r="G1613">
        <v>6</v>
      </c>
      <c r="H1613">
        <v>550</v>
      </c>
      <c r="I1613">
        <v>2</v>
      </c>
      <c r="J1613">
        <v>0</v>
      </c>
      <c r="K1613">
        <v>518205</v>
      </c>
      <c r="L1613">
        <v>518206</v>
      </c>
      <c r="M1613">
        <v>84</v>
      </c>
      <c r="N1613" t="s">
        <v>299</v>
      </c>
      <c r="O1613" s="1">
        <v>42335.926388888889</v>
      </c>
      <c r="P1613" s="1">
        <v>42335.936111111114</v>
      </c>
    </row>
    <row r="1614" spans="1:16" x14ac:dyDescent="0.4">
      <c r="A1614">
        <v>2730</v>
      </c>
      <c r="B1614">
        <v>118159</v>
      </c>
      <c r="C1614" s="1">
        <v>42335</v>
      </c>
      <c r="D1614">
        <v>96</v>
      </c>
      <c r="E1614">
        <v>20</v>
      </c>
      <c r="F1614" t="s">
        <v>63</v>
      </c>
      <c r="G1614">
        <v>6</v>
      </c>
      <c r="H1614">
        <v>420</v>
      </c>
      <c r="I1614">
        <v>2</v>
      </c>
      <c r="J1614">
        <v>0</v>
      </c>
      <c r="K1614">
        <v>518215</v>
      </c>
      <c r="L1614">
        <v>518216</v>
      </c>
      <c r="M1614">
        <v>84</v>
      </c>
      <c r="N1614" t="s">
        <v>299</v>
      </c>
      <c r="O1614" s="1">
        <v>42335.926388888889</v>
      </c>
      <c r="P1614" s="1">
        <v>42335.943749999999</v>
      </c>
    </row>
    <row r="1615" spans="1:16" x14ac:dyDescent="0.4">
      <c r="A1615">
        <v>2731</v>
      </c>
      <c r="B1615">
        <v>118175</v>
      </c>
      <c r="C1615" s="1">
        <v>42335</v>
      </c>
      <c r="D1615">
        <v>280</v>
      </c>
      <c r="E1615">
        <v>1266</v>
      </c>
      <c r="F1615" t="s">
        <v>13</v>
      </c>
      <c r="G1615">
        <v>6</v>
      </c>
      <c r="H1615">
        <v>680</v>
      </c>
      <c r="I1615">
        <v>1</v>
      </c>
      <c r="J1615">
        <v>0</v>
      </c>
      <c r="K1615">
        <v>518290</v>
      </c>
      <c r="L1615">
        <v>518291</v>
      </c>
      <c r="M1615">
        <v>89</v>
      </c>
      <c r="N1615" t="s">
        <v>297</v>
      </c>
      <c r="O1615" s="1">
        <v>42336.015972222223</v>
      </c>
      <c r="P1615" s="1">
        <v>42336.021527777775</v>
      </c>
    </row>
    <row r="1616" spans="1:16" x14ac:dyDescent="0.4">
      <c r="A1616">
        <v>2732</v>
      </c>
      <c r="B1616">
        <v>118191</v>
      </c>
      <c r="C1616" s="1">
        <v>42335</v>
      </c>
      <c r="D1616">
        <v>205</v>
      </c>
      <c r="E1616">
        <v>400</v>
      </c>
      <c r="F1616" t="s">
        <v>125</v>
      </c>
      <c r="G1616">
        <v>18</v>
      </c>
      <c r="H1616">
        <v>320</v>
      </c>
      <c r="I1616">
        <v>1</v>
      </c>
      <c r="J1616">
        <v>0</v>
      </c>
      <c r="K1616">
        <v>518356</v>
      </c>
      <c r="L1616">
        <v>518357</v>
      </c>
      <c r="M1616">
        <v>80</v>
      </c>
      <c r="N1616" t="s">
        <v>40</v>
      </c>
      <c r="O1616" s="1">
        <v>42336.104166666664</v>
      </c>
      <c r="P1616" s="1">
        <v>42336.104861111111</v>
      </c>
    </row>
    <row r="1617" spans="1:16" x14ac:dyDescent="0.4">
      <c r="A1617">
        <v>2733</v>
      </c>
      <c r="B1617">
        <v>118283</v>
      </c>
      <c r="C1617" s="1">
        <v>42336</v>
      </c>
      <c r="D1617">
        <v>315</v>
      </c>
      <c r="E1617">
        <v>244</v>
      </c>
      <c r="F1617" t="s">
        <v>141</v>
      </c>
      <c r="G1617">
        <v>3</v>
      </c>
      <c r="H1617">
        <v>480</v>
      </c>
      <c r="I1617">
        <v>1</v>
      </c>
      <c r="J1617">
        <v>0</v>
      </c>
      <c r="K1617">
        <v>518841</v>
      </c>
      <c r="L1617">
        <v>518842</v>
      </c>
      <c r="M1617">
        <v>85</v>
      </c>
      <c r="N1617" t="s">
        <v>295</v>
      </c>
      <c r="O1617" s="1">
        <v>42337.01666666667</v>
      </c>
      <c r="P1617" s="1">
        <v>42337.01666666667</v>
      </c>
    </row>
    <row r="1618" spans="1:16" x14ac:dyDescent="0.4">
      <c r="A1618">
        <v>2734</v>
      </c>
      <c r="B1618">
        <v>118365</v>
      </c>
      <c r="C1618" s="1">
        <v>42337</v>
      </c>
      <c r="D1618">
        <v>263</v>
      </c>
      <c r="E1618">
        <v>430</v>
      </c>
      <c r="F1618" t="s">
        <v>133</v>
      </c>
      <c r="G1618">
        <v>6</v>
      </c>
      <c r="H1618">
        <v>320</v>
      </c>
      <c r="I1618">
        <v>1</v>
      </c>
      <c r="J1618">
        <v>0</v>
      </c>
      <c r="K1618">
        <v>519307</v>
      </c>
      <c r="L1618">
        <v>519308</v>
      </c>
      <c r="M1618">
        <v>80</v>
      </c>
      <c r="N1618" t="s">
        <v>40</v>
      </c>
      <c r="O1618" s="1">
        <v>42337.911111111112</v>
      </c>
      <c r="P1618" s="1">
        <v>42338.029861111114</v>
      </c>
    </row>
    <row r="1619" spans="1:16" x14ac:dyDescent="0.4">
      <c r="A1619">
        <v>2735</v>
      </c>
      <c r="B1619">
        <v>118365</v>
      </c>
      <c r="C1619" s="1">
        <v>42337</v>
      </c>
      <c r="D1619">
        <v>263</v>
      </c>
      <c r="E1619">
        <v>430</v>
      </c>
      <c r="F1619" t="s">
        <v>133</v>
      </c>
      <c r="G1619">
        <v>6</v>
      </c>
      <c r="H1619">
        <v>320</v>
      </c>
      <c r="I1619">
        <v>1</v>
      </c>
      <c r="J1619">
        <v>0</v>
      </c>
      <c r="K1619">
        <v>519309</v>
      </c>
      <c r="L1619">
        <v>519310</v>
      </c>
      <c r="M1619">
        <v>80</v>
      </c>
      <c r="N1619" t="s">
        <v>40</v>
      </c>
      <c r="O1619" s="1">
        <v>42337.943749999999</v>
      </c>
      <c r="P1619" s="1">
        <v>42338.029861111114</v>
      </c>
    </row>
    <row r="1620" spans="1:16" x14ac:dyDescent="0.4">
      <c r="A1620">
        <v>2736</v>
      </c>
      <c r="B1620">
        <v>118448</v>
      </c>
      <c r="C1620" s="1">
        <v>42339</v>
      </c>
      <c r="D1620">
        <v>10</v>
      </c>
      <c r="E1620">
        <v>102</v>
      </c>
      <c r="F1620" t="s">
        <v>2</v>
      </c>
      <c r="G1620">
        <v>19</v>
      </c>
      <c r="H1620">
        <v>420</v>
      </c>
      <c r="I1620">
        <v>1</v>
      </c>
      <c r="J1620">
        <v>0</v>
      </c>
      <c r="K1620">
        <v>519676</v>
      </c>
      <c r="L1620">
        <v>519677</v>
      </c>
      <c r="M1620">
        <v>81</v>
      </c>
      <c r="N1620" t="s">
        <v>294</v>
      </c>
      <c r="O1620" s="1">
        <v>42339.500694444447</v>
      </c>
      <c r="P1620" s="1">
        <v>42339.53125</v>
      </c>
    </row>
    <row r="1621" spans="1:16" x14ac:dyDescent="0.4">
      <c r="A1621">
        <v>2737</v>
      </c>
      <c r="B1621">
        <v>118619</v>
      </c>
      <c r="C1621" s="1">
        <v>42341</v>
      </c>
      <c r="D1621">
        <v>90</v>
      </c>
      <c r="E1621">
        <v>71</v>
      </c>
      <c r="F1621" t="s">
        <v>91</v>
      </c>
      <c r="G1621">
        <v>10</v>
      </c>
      <c r="H1621">
        <v>400</v>
      </c>
      <c r="I1621">
        <v>1</v>
      </c>
      <c r="J1621">
        <v>0</v>
      </c>
      <c r="K1621">
        <v>520407</v>
      </c>
      <c r="L1621">
        <v>520408</v>
      </c>
      <c r="M1621">
        <v>90</v>
      </c>
      <c r="N1621" t="s">
        <v>9</v>
      </c>
      <c r="O1621" s="1">
        <v>42342.134722222225</v>
      </c>
      <c r="P1621" s="1">
        <v>42342.134722222225</v>
      </c>
    </row>
    <row r="1622" spans="1:16" x14ac:dyDescent="0.4">
      <c r="A1622">
        <v>2738</v>
      </c>
      <c r="B1622">
        <v>118745</v>
      </c>
      <c r="C1622" s="1">
        <v>42343</v>
      </c>
      <c r="D1622">
        <v>120</v>
      </c>
      <c r="E1622">
        <v>140</v>
      </c>
      <c r="F1622" t="s">
        <v>119</v>
      </c>
      <c r="G1622">
        <v>12</v>
      </c>
      <c r="H1622">
        <v>280</v>
      </c>
      <c r="I1622">
        <v>1</v>
      </c>
      <c r="J1622">
        <v>0</v>
      </c>
      <c r="K1622">
        <v>520991</v>
      </c>
      <c r="L1622">
        <v>520992</v>
      </c>
      <c r="M1622">
        <v>93</v>
      </c>
      <c r="N1622" t="s">
        <v>15</v>
      </c>
      <c r="O1622" s="1">
        <v>42343.606944444444</v>
      </c>
      <c r="P1622" s="1">
        <v>42343.61041666667</v>
      </c>
    </row>
    <row r="1623" spans="1:16" x14ac:dyDescent="0.4">
      <c r="A1623">
        <v>2739</v>
      </c>
      <c r="B1623">
        <v>118806</v>
      </c>
      <c r="C1623" s="1">
        <v>42343</v>
      </c>
      <c r="D1623">
        <v>274</v>
      </c>
      <c r="E1623">
        <v>46</v>
      </c>
      <c r="F1623" t="s">
        <v>75</v>
      </c>
      <c r="G1623">
        <v>2</v>
      </c>
      <c r="H1623">
        <v>480</v>
      </c>
      <c r="I1623">
        <v>1</v>
      </c>
      <c r="J1623">
        <v>0</v>
      </c>
      <c r="K1623">
        <v>521289</v>
      </c>
      <c r="L1623">
        <v>521290</v>
      </c>
      <c r="M1623">
        <v>80</v>
      </c>
      <c r="N1623" t="s">
        <v>40</v>
      </c>
      <c r="O1623" s="1">
        <v>42343.998611111114</v>
      </c>
      <c r="P1623" s="1">
        <v>42343.998611111114</v>
      </c>
    </row>
    <row r="1624" spans="1:16" x14ac:dyDescent="0.4">
      <c r="A1624">
        <v>2741</v>
      </c>
      <c r="B1624">
        <v>118934</v>
      </c>
      <c r="C1624" s="1">
        <v>42345</v>
      </c>
      <c r="D1624">
        <v>157</v>
      </c>
      <c r="E1624">
        <v>113</v>
      </c>
      <c r="F1624" t="s">
        <v>59</v>
      </c>
      <c r="G1624">
        <v>12</v>
      </c>
      <c r="H1624">
        <v>550</v>
      </c>
      <c r="I1624">
        <v>1</v>
      </c>
      <c r="J1624">
        <v>0</v>
      </c>
      <c r="K1624">
        <v>521944</v>
      </c>
      <c r="L1624">
        <v>521945</v>
      </c>
      <c r="M1624">
        <v>85</v>
      </c>
      <c r="N1624" t="s">
        <v>295</v>
      </c>
      <c r="O1624" s="1">
        <v>42345.585416666669</v>
      </c>
      <c r="P1624" s="1">
        <v>42345.689583333333</v>
      </c>
    </row>
    <row r="1625" spans="1:16" x14ac:dyDescent="0.4">
      <c r="A1625">
        <v>2742</v>
      </c>
      <c r="B1625">
        <v>119192</v>
      </c>
      <c r="C1625" s="1">
        <v>42349</v>
      </c>
      <c r="D1625">
        <v>127</v>
      </c>
      <c r="E1625">
        <v>136</v>
      </c>
      <c r="F1625" t="s">
        <v>32</v>
      </c>
      <c r="G1625">
        <v>6</v>
      </c>
      <c r="H1625">
        <v>600</v>
      </c>
      <c r="I1625">
        <v>1</v>
      </c>
      <c r="J1625">
        <v>0</v>
      </c>
      <c r="K1625">
        <v>523009</v>
      </c>
      <c r="L1625">
        <v>523010</v>
      </c>
      <c r="M1625">
        <v>85</v>
      </c>
      <c r="N1625" t="s">
        <v>295</v>
      </c>
      <c r="O1625" s="1">
        <v>42349.873611111114</v>
      </c>
      <c r="P1625" s="1">
        <v>42349.874305555553</v>
      </c>
    </row>
    <row r="1626" spans="1:16" x14ac:dyDescent="0.4">
      <c r="A1626">
        <v>2743</v>
      </c>
      <c r="B1626">
        <v>119187</v>
      </c>
      <c r="C1626" s="1">
        <v>42349</v>
      </c>
      <c r="D1626">
        <v>82</v>
      </c>
      <c r="E1626">
        <v>63</v>
      </c>
      <c r="F1626" t="s">
        <v>169</v>
      </c>
      <c r="G1626">
        <v>4</v>
      </c>
      <c r="H1626">
        <v>400</v>
      </c>
      <c r="I1626">
        <v>1</v>
      </c>
      <c r="J1626">
        <v>0</v>
      </c>
      <c r="K1626">
        <v>523036</v>
      </c>
      <c r="L1626">
        <v>523037</v>
      </c>
      <c r="M1626">
        <v>85</v>
      </c>
      <c r="N1626" t="s">
        <v>295</v>
      </c>
      <c r="O1626" s="1">
        <v>42349.859722222223</v>
      </c>
      <c r="P1626" s="1">
        <v>42349.896527777775</v>
      </c>
    </row>
    <row r="1627" spans="1:16" x14ac:dyDescent="0.4">
      <c r="A1627">
        <v>2744</v>
      </c>
      <c r="B1627">
        <v>119187</v>
      </c>
      <c r="C1627" s="1">
        <v>42349</v>
      </c>
      <c r="D1627">
        <v>84</v>
      </c>
      <c r="E1627">
        <v>65</v>
      </c>
      <c r="F1627" t="s">
        <v>71</v>
      </c>
      <c r="G1627">
        <v>4</v>
      </c>
      <c r="H1627">
        <v>400</v>
      </c>
      <c r="I1627">
        <v>1</v>
      </c>
      <c r="J1627">
        <v>0</v>
      </c>
      <c r="K1627">
        <v>523038</v>
      </c>
      <c r="L1627">
        <v>523039</v>
      </c>
      <c r="M1627">
        <v>85</v>
      </c>
      <c r="N1627" t="s">
        <v>295</v>
      </c>
      <c r="O1627" s="1">
        <v>42349.885416666664</v>
      </c>
      <c r="P1627" s="1">
        <v>42349.896527777775</v>
      </c>
    </row>
    <row r="1628" spans="1:16" x14ac:dyDescent="0.4">
      <c r="A1628">
        <v>2745</v>
      </c>
      <c r="B1628">
        <v>119278</v>
      </c>
      <c r="C1628" s="1">
        <v>42350</v>
      </c>
      <c r="D1628">
        <v>142</v>
      </c>
      <c r="E1628">
        <v>125</v>
      </c>
      <c r="F1628" t="s">
        <v>31</v>
      </c>
      <c r="G1628">
        <v>1</v>
      </c>
      <c r="H1628">
        <v>350</v>
      </c>
      <c r="I1628">
        <v>1</v>
      </c>
      <c r="J1628">
        <v>0</v>
      </c>
      <c r="K1628">
        <v>523458</v>
      </c>
      <c r="L1628">
        <v>523459</v>
      </c>
      <c r="M1628">
        <v>0</v>
      </c>
      <c r="N1628" t="s">
        <v>94</v>
      </c>
      <c r="O1628" s="1">
        <v>42350.705555555556</v>
      </c>
      <c r="P1628" s="1">
        <v>42350.706250000003</v>
      </c>
    </row>
    <row r="1629" spans="1:16" x14ac:dyDescent="0.4">
      <c r="A1629">
        <v>2746</v>
      </c>
      <c r="B1629">
        <v>119396</v>
      </c>
      <c r="C1629" s="1">
        <v>42351</v>
      </c>
      <c r="D1629">
        <v>157</v>
      </c>
      <c r="E1629">
        <v>113</v>
      </c>
      <c r="F1629" t="s">
        <v>59</v>
      </c>
      <c r="G1629">
        <v>6</v>
      </c>
      <c r="H1629">
        <v>550</v>
      </c>
      <c r="I1629">
        <v>2</v>
      </c>
      <c r="J1629">
        <v>0</v>
      </c>
      <c r="K1629">
        <v>524103</v>
      </c>
      <c r="L1629">
        <v>524104</v>
      </c>
      <c r="M1629">
        <v>80</v>
      </c>
      <c r="N1629" t="s">
        <v>40</v>
      </c>
      <c r="O1629" s="1">
        <v>42351.888194444444</v>
      </c>
      <c r="P1629" s="1">
        <v>42351.888194444444</v>
      </c>
    </row>
    <row r="1630" spans="1:16" x14ac:dyDescent="0.4">
      <c r="A1630">
        <v>2747</v>
      </c>
      <c r="B1630">
        <v>119407</v>
      </c>
      <c r="C1630" s="1">
        <v>42351</v>
      </c>
      <c r="D1630">
        <v>160</v>
      </c>
      <c r="E1630">
        <v>114</v>
      </c>
      <c r="F1630" t="s">
        <v>106</v>
      </c>
      <c r="G1630">
        <v>18</v>
      </c>
      <c r="H1630">
        <v>550</v>
      </c>
      <c r="I1630">
        <v>1</v>
      </c>
      <c r="J1630">
        <v>0</v>
      </c>
      <c r="K1630">
        <v>524171</v>
      </c>
      <c r="L1630">
        <v>524172</v>
      </c>
      <c r="M1630">
        <v>90</v>
      </c>
      <c r="N1630" t="s">
        <v>9</v>
      </c>
      <c r="O1630" s="1">
        <v>42352.030555555553</v>
      </c>
      <c r="P1630" s="1">
        <v>42352.03125</v>
      </c>
    </row>
    <row r="1631" spans="1:16" x14ac:dyDescent="0.4">
      <c r="A1631">
        <v>2748</v>
      </c>
      <c r="B1631">
        <v>119407</v>
      </c>
      <c r="C1631" s="1">
        <v>42351</v>
      </c>
      <c r="D1631">
        <v>322</v>
      </c>
      <c r="E1631">
        <v>235</v>
      </c>
      <c r="F1631" t="s">
        <v>301</v>
      </c>
      <c r="G1631">
        <v>18</v>
      </c>
      <c r="H1631">
        <v>480</v>
      </c>
      <c r="I1631">
        <v>1</v>
      </c>
      <c r="J1631">
        <v>0</v>
      </c>
      <c r="K1631">
        <v>524173</v>
      </c>
      <c r="L1631">
        <v>524174</v>
      </c>
      <c r="M1631">
        <v>90</v>
      </c>
      <c r="N1631" t="s">
        <v>9</v>
      </c>
      <c r="O1631" s="1">
        <v>42352.02847222222</v>
      </c>
      <c r="P1631" s="1">
        <v>42352.03125</v>
      </c>
    </row>
    <row r="1632" spans="1:16" x14ac:dyDescent="0.4">
      <c r="A1632">
        <v>2749</v>
      </c>
      <c r="B1632">
        <v>119449</v>
      </c>
      <c r="C1632" s="1">
        <v>42352</v>
      </c>
      <c r="D1632">
        <v>124</v>
      </c>
      <c r="E1632">
        <v>141</v>
      </c>
      <c r="F1632" t="s">
        <v>185</v>
      </c>
      <c r="G1632">
        <v>1</v>
      </c>
      <c r="H1632">
        <v>250</v>
      </c>
      <c r="I1632">
        <v>1</v>
      </c>
      <c r="J1632">
        <v>0</v>
      </c>
      <c r="K1632">
        <v>524484</v>
      </c>
      <c r="L1632">
        <v>524485</v>
      </c>
      <c r="M1632">
        <v>80</v>
      </c>
      <c r="N1632" t="s">
        <v>40</v>
      </c>
      <c r="O1632" s="1">
        <v>42352.865972222222</v>
      </c>
      <c r="P1632" s="1">
        <v>42353.00277777778</v>
      </c>
    </row>
    <row r="1633" spans="1:16" x14ac:dyDescent="0.4">
      <c r="A1633">
        <v>2750</v>
      </c>
      <c r="B1633">
        <v>119449</v>
      </c>
      <c r="C1633" s="1">
        <v>42352</v>
      </c>
      <c r="D1633">
        <v>73</v>
      </c>
      <c r="E1633">
        <v>54</v>
      </c>
      <c r="F1633" t="s">
        <v>36</v>
      </c>
      <c r="G1633">
        <v>1</v>
      </c>
      <c r="H1633">
        <v>0</v>
      </c>
      <c r="I1633">
        <v>1</v>
      </c>
      <c r="J1633">
        <v>0</v>
      </c>
      <c r="K1633">
        <v>524486</v>
      </c>
      <c r="L1633">
        <v>524487</v>
      </c>
      <c r="M1633">
        <v>80</v>
      </c>
      <c r="N1633" t="s">
        <v>40</v>
      </c>
      <c r="O1633" s="1">
        <v>42352.939583333333</v>
      </c>
      <c r="P1633" s="1">
        <v>42353.00277777778</v>
      </c>
    </row>
    <row r="1634" spans="1:16" x14ac:dyDescent="0.4">
      <c r="A1634">
        <v>2752</v>
      </c>
      <c r="B1634">
        <v>119554</v>
      </c>
      <c r="C1634" s="1">
        <v>42354</v>
      </c>
      <c r="D1634">
        <v>11</v>
      </c>
      <c r="E1634">
        <v>110</v>
      </c>
      <c r="F1634" t="s">
        <v>73</v>
      </c>
      <c r="G1634">
        <v>13</v>
      </c>
      <c r="H1634">
        <v>500</v>
      </c>
      <c r="I1634">
        <v>1</v>
      </c>
      <c r="J1634">
        <v>0</v>
      </c>
      <c r="K1634">
        <v>524914</v>
      </c>
      <c r="L1634">
        <v>524915</v>
      </c>
      <c r="M1634">
        <v>85</v>
      </c>
      <c r="N1634" t="s">
        <v>295</v>
      </c>
      <c r="O1634" s="1">
        <v>42354.515277777777</v>
      </c>
      <c r="P1634" s="1">
        <v>42354.637499999997</v>
      </c>
    </row>
    <row r="1635" spans="1:16" x14ac:dyDescent="0.4">
      <c r="A1635">
        <v>2753</v>
      </c>
      <c r="B1635">
        <v>119579</v>
      </c>
      <c r="C1635" s="1">
        <v>42354</v>
      </c>
      <c r="D1635">
        <v>290</v>
      </c>
      <c r="E1635">
        <v>1260</v>
      </c>
      <c r="F1635" t="s">
        <v>22</v>
      </c>
      <c r="G1635">
        <v>12</v>
      </c>
      <c r="H1635">
        <v>500</v>
      </c>
      <c r="I1635">
        <v>1</v>
      </c>
      <c r="J1635">
        <v>0</v>
      </c>
      <c r="K1635">
        <v>524978</v>
      </c>
      <c r="L1635">
        <v>524979</v>
      </c>
      <c r="M1635">
        <v>89</v>
      </c>
      <c r="N1635" t="s">
        <v>297</v>
      </c>
      <c r="O1635" s="1">
        <v>42354.761111111111</v>
      </c>
      <c r="P1635" s="1">
        <v>42354.761111111111</v>
      </c>
    </row>
    <row r="1636" spans="1:16" x14ac:dyDescent="0.4">
      <c r="A1636">
        <v>2754</v>
      </c>
      <c r="B1636">
        <v>119608</v>
      </c>
      <c r="C1636" s="1">
        <v>42354</v>
      </c>
      <c r="D1636">
        <v>300</v>
      </c>
      <c r="E1636">
        <v>1433</v>
      </c>
      <c r="F1636" t="s">
        <v>302</v>
      </c>
      <c r="G1636">
        <v>10</v>
      </c>
      <c r="H1636">
        <v>420</v>
      </c>
      <c r="I1636">
        <v>1</v>
      </c>
      <c r="J1636">
        <v>0</v>
      </c>
      <c r="K1636">
        <v>525153</v>
      </c>
      <c r="L1636">
        <v>525154</v>
      </c>
      <c r="M1636">
        <v>38</v>
      </c>
      <c r="O1636" s="1">
        <v>42355.065972222219</v>
      </c>
      <c r="P1636" s="1">
        <v>42355.074305555558</v>
      </c>
    </row>
    <row r="1637" spans="1:16" x14ac:dyDescent="0.4">
      <c r="A1637">
        <v>2755</v>
      </c>
      <c r="B1637">
        <v>119682</v>
      </c>
      <c r="C1637" s="1">
        <v>42356</v>
      </c>
      <c r="D1637">
        <v>290</v>
      </c>
      <c r="E1637">
        <v>1260</v>
      </c>
      <c r="F1637" t="s">
        <v>22</v>
      </c>
      <c r="G1637">
        <v>14</v>
      </c>
      <c r="H1637">
        <v>500</v>
      </c>
      <c r="I1637">
        <v>1</v>
      </c>
      <c r="J1637">
        <v>0</v>
      </c>
      <c r="K1637">
        <v>525466</v>
      </c>
      <c r="L1637">
        <v>525467</v>
      </c>
      <c r="M1637">
        <v>30</v>
      </c>
      <c r="O1637" s="1">
        <v>42356.534722222219</v>
      </c>
      <c r="P1637" s="1">
        <v>42356.577777777777</v>
      </c>
    </row>
    <row r="1638" spans="1:16" x14ac:dyDescent="0.4">
      <c r="A1638">
        <v>2756</v>
      </c>
      <c r="B1638">
        <v>119716</v>
      </c>
      <c r="C1638" s="1">
        <v>42356</v>
      </c>
      <c r="D1638">
        <v>98</v>
      </c>
      <c r="E1638">
        <v>22</v>
      </c>
      <c r="F1638" t="s">
        <v>296</v>
      </c>
      <c r="G1638">
        <v>12</v>
      </c>
      <c r="H1638">
        <v>580</v>
      </c>
      <c r="I1638">
        <v>2</v>
      </c>
      <c r="J1638">
        <v>0</v>
      </c>
      <c r="K1638">
        <v>525555</v>
      </c>
      <c r="L1638">
        <v>525556</v>
      </c>
      <c r="M1638">
        <v>81</v>
      </c>
      <c r="N1638" t="s">
        <v>294</v>
      </c>
      <c r="O1638" s="1">
        <v>42356.727777777778</v>
      </c>
      <c r="P1638" s="1">
        <v>42356.750694444447</v>
      </c>
    </row>
    <row r="1639" spans="1:16" x14ac:dyDescent="0.4">
      <c r="A1639">
        <v>2757</v>
      </c>
      <c r="B1639">
        <v>119815</v>
      </c>
      <c r="C1639" s="1">
        <v>42357</v>
      </c>
      <c r="D1639">
        <v>142</v>
      </c>
      <c r="E1639">
        <v>125</v>
      </c>
      <c r="F1639" t="s">
        <v>31</v>
      </c>
      <c r="G1639">
        <v>17</v>
      </c>
      <c r="H1639">
        <v>350</v>
      </c>
      <c r="I1639">
        <v>1</v>
      </c>
      <c r="J1639">
        <v>0</v>
      </c>
      <c r="K1639">
        <v>526051</v>
      </c>
      <c r="L1639">
        <v>526052</v>
      </c>
      <c r="M1639">
        <v>81</v>
      </c>
      <c r="N1639" t="s">
        <v>294</v>
      </c>
      <c r="O1639" s="1">
        <v>42357.661805555559</v>
      </c>
      <c r="P1639" s="1">
        <v>42357.665972222225</v>
      </c>
    </row>
    <row r="1640" spans="1:16" x14ac:dyDescent="0.4">
      <c r="A1640">
        <v>2758</v>
      </c>
      <c r="B1640">
        <v>119962</v>
      </c>
      <c r="C1640" s="1">
        <v>42358</v>
      </c>
      <c r="D1640">
        <v>160</v>
      </c>
      <c r="E1640">
        <v>114</v>
      </c>
      <c r="F1640" t="s">
        <v>106</v>
      </c>
      <c r="G1640">
        <v>15</v>
      </c>
      <c r="H1640">
        <v>550</v>
      </c>
      <c r="I1640">
        <v>1</v>
      </c>
      <c r="J1640">
        <v>0</v>
      </c>
      <c r="K1640">
        <v>526873</v>
      </c>
      <c r="L1640">
        <v>526874</v>
      </c>
      <c r="M1640">
        <v>74</v>
      </c>
      <c r="N1640" t="s">
        <v>56</v>
      </c>
      <c r="O1640" s="1">
        <v>42359.14166666667</v>
      </c>
      <c r="P1640" s="1">
        <v>42359.148611111108</v>
      </c>
    </row>
    <row r="1641" spans="1:16" x14ac:dyDescent="0.4">
      <c r="A1641">
        <v>2759</v>
      </c>
      <c r="B1641">
        <v>119977</v>
      </c>
      <c r="C1641" s="1">
        <v>42359</v>
      </c>
      <c r="D1641">
        <v>142</v>
      </c>
      <c r="E1641">
        <v>125</v>
      </c>
      <c r="F1641" t="s">
        <v>31</v>
      </c>
      <c r="G1641">
        <v>17</v>
      </c>
      <c r="H1641">
        <v>350</v>
      </c>
      <c r="I1641">
        <v>1</v>
      </c>
      <c r="J1641">
        <v>0</v>
      </c>
      <c r="K1641">
        <v>526935</v>
      </c>
      <c r="L1641">
        <v>526936</v>
      </c>
      <c r="M1641">
        <v>29</v>
      </c>
      <c r="O1641" s="1">
        <v>42359.563888888886</v>
      </c>
      <c r="P1641" s="1">
        <v>42359.569444444445</v>
      </c>
    </row>
    <row r="1642" spans="1:16" x14ac:dyDescent="0.4">
      <c r="A1642">
        <v>4518</v>
      </c>
      <c r="B1642">
        <v>248002</v>
      </c>
      <c r="C1642" s="1">
        <v>44470</v>
      </c>
      <c r="D1642">
        <v>103</v>
      </c>
      <c r="E1642">
        <v>27</v>
      </c>
      <c r="F1642" t="s">
        <v>245</v>
      </c>
      <c r="G1642">
        <v>7</v>
      </c>
      <c r="H1642">
        <v>1815</v>
      </c>
      <c r="I1642">
        <v>1</v>
      </c>
      <c r="J1642">
        <v>0</v>
      </c>
      <c r="K1642">
        <v>1066598</v>
      </c>
      <c r="L1642">
        <v>1066599</v>
      </c>
      <c r="M1642">
        <v>108</v>
      </c>
      <c r="N1642" t="s">
        <v>45</v>
      </c>
      <c r="O1642" s="1">
        <v>44470.902083333334</v>
      </c>
      <c r="P1642" s="1">
        <v>44470.90347222222</v>
      </c>
    </row>
    <row r="1643" spans="1:16" x14ac:dyDescent="0.4">
      <c r="A1643">
        <v>4820</v>
      </c>
      <c r="B1643">
        <v>283143</v>
      </c>
      <c r="C1643" s="1">
        <v>45106</v>
      </c>
      <c r="D1643">
        <v>280</v>
      </c>
      <c r="E1643">
        <v>1266</v>
      </c>
      <c r="F1643" t="s">
        <v>162</v>
      </c>
      <c r="G1643">
        <v>5</v>
      </c>
      <c r="H1643">
        <v>594</v>
      </c>
      <c r="I1643">
        <v>1</v>
      </c>
      <c r="J1643">
        <v>0</v>
      </c>
      <c r="K1643">
        <v>1193673</v>
      </c>
      <c r="L1643">
        <v>1193674</v>
      </c>
      <c r="M1643">
        <v>38</v>
      </c>
      <c r="N1643" t="s">
        <v>275</v>
      </c>
      <c r="O1643" s="1">
        <v>45106.617361111108</v>
      </c>
      <c r="P1643" s="1">
        <v>45106.624305555553</v>
      </c>
    </row>
    <row r="1644" spans="1:16" x14ac:dyDescent="0.4">
      <c r="A1644">
        <v>4828</v>
      </c>
      <c r="B1644">
        <v>284267</v>
      </c>
      <c r="C1644" s="1">
        <v>45124</v>
      </c>
      <c r="D1644">
        <v>284</v>
      </c>
      <c r="E1644">
        <v>545</v>
      </c>
      <c r="F1644" t="s">
        <v>303</v>
      </c>
      <c r="G1644">
        <v>12</v>
      </c>
      <c r="H1644">
        <v>275</v>
      </c>
      <c r="I1644">
        <v>1</v>
      </c>
      <c r="J1644">
        <v>0</v>
      </c>
      <c r="K1644">
        <v>1197656</v>
      </c>
      <c r="L1644">
        <v>1197657</v>
      </c>
      <c r="M1644">
        <v>42</v>
      </c>
      <c r="N1644" t="s">
        <v>288</v>
      </c>
      <c r="O1644" s="1">
        <v>45124.616666666669</v>
      </c>
      <c r="P1644" s="1">
        <v>45124.622916666667</v>
      </c>
    </row>
    <row r="1645" spans="1:16" x14ac:dyDescent="0.4">
      <c r="A1645">
        <v>4829</v>
      </c>
      <c r="B1645">
        <v>284267</v>
      </c>
      <c r="C1645" s="1">
        <v>45124</v>
      </c>
      <c r="D1645">
        <v>298</v>
      </c>
      <c r="E1645">
        <v>544</v>
      </c>
      <c r="F1645" t="s">
        <v>286</v>
      </c>
      <c r="G1645">
        <v>12</v>
      </c>
      <c r="H1645">
        <v>275</v>
      </c>
      <c r="I1645">
        <v>1</v>
      </c>
      <c r="J1645">
        <v>0</v>
      </c>
      <c r="K1645">
        <v>1197658</v>
      </c>
      <c r="L1645">
        <v>1197659</v>
      </c>
      <c r="M1645">
        <v>42</v>
      </c>
      <c r="N1645" t="s">
        <v>288</v>
      </c>
      <c r="O1645" s="1">
        <v>45124.589583333334</v>
      </c>
      <c r="P1645" s="1">
        <v>45124.622916666667</v>
      </c>
    </row>
    <row r="1646" spans="1:16" x14ac:dyDescent="0.4">
      <c r="A1646">
        <v>2740</v>
      </c>
      <c r="B1646">
        <v>118806</v>
      </c>
      <c r="C1646" s="1">
        <v>42343</v>
      </c>
      <c r="D1646">
        <v>92</v>
      </c>
      <c r="E1646">
        <v>73</v>
      </c>
      <c r="F1646" t="s">
        <v>120</v>
      </c>
      <c r="G1646">
        <v>2</v>
      </c>
      <c r="H1646">
        <v>480</v>
      </c>
      <c r="I1646">
        <v>1</v>
      </c>
      <c r="J1646">
        <v>0</v>
      </c>
      <c r="K1646">
        <v>521291</v>
      </c>
      <c r="L1646">
        <v>521292</v>
      </c>
      <c r="M1646">
        <v>80</v>
      </c>
      <c r="N1646" t="s">
        <v>40</v>
      </c>
      <c r="O1646" s="1">
        <v>42343.998611111114</v>
      </c>
      <c r="P1646" s="1">
        <v>42343.998611111114</v>
      </c>
    </row>
    <row r="1647" spans="1:16" x14ac:dyDescent="0.4">
      <c r="A1647">
        <v>2751</v>
      </c>
      <c r="B1647">
        <v>119449</v>
      </c>
      <c r="C1647" s="1">
        <v>42352</v>
      </c>
      <c r="D1647">
        <v>121</v>
      </c>
      <c r="E1647">
        <v>139</v>
      </c>
      <c r="F1647" t="s">
        <v>164</v>
      </c>
      <c r="G1647">
        <v>1</v>
      </c>
      <c r="H1647">
        <v>280</v>
      </c>
      <c r="I1647">
        <v>1</v>
      </c>
      <c r="J1647">
        <v>0</v>
      </c>
      <c r="K1647">
        <v>524493</v>
      </c>
      <c r="L1647">
        <v>524494</v>
      </c>
      <c r="M1647">
        <v>80</v>
      </c>
      <c r="N1647" t="s">
        <v>40</v>
      </c>
      <c r="O1647" s="1">
        <v>42352.939583333333</v>
      </c>
      <c r="P1647" s="1">
        <v>42353.004861111112</v>
      </c>
    </row>
    <row r="1648" spans="1:16" x14ac:dyDescent="0.4">
      <c r="A1648">
        <v>2760</v>
      </c>
      <c r="B1648">
        <v>120086</v>
      </c>
      <c r="C1648" s="1">
        <v>42360</v>
      </c>
      <c r="D1648">
        <v>120</v>
      </c>
      <c r="E1648">
        <v>140</v>
      </c>
      <c r="F1648" t="s">
        <v>119</v>
      </c>
      <c r="G1648">
        <v>13</v>
      </c>
      <c r="H1648">
        <v>280</v>
      </c>
      <c r="I1648">
        <v>1</v>
      </c>
      <c r="J1648">
        <v>0</v>
      </c>
      <c r="K1648">
        <v>527371</v>
      </c>
      <c r="L1648">
        <v>527372</v>
      </c>
      <c r="M1648">
        <v>80</v>
      </c>
      <c r="N1648" t="s">
        <v>40</v>
      </c>
      <c r="O1648" s="1">
        <v>42360.862500000003</v>
      </c>
      <c r="P1648" s="1">
        <v>42360.863888888889</v>
      </c>
    </row>
    <row r="1649" spans="1:16" x14ac:dyDescent="0.4">
      <c r="A1649">
        <v>2761</v>
      </c>
      <c r="B1649">
        <v>120179</v>
      </c>
      <c r="C1649" s="1">
        <v>42361</v>
      </c>
      <c r="D1649">
        <v>164</v>
      </c>
      <c r="E1649">
        <v>106</v>
      </c>
      <c r="F1649" t="s">
        <v>127</v>
      </c>
      <c r="G1649">
        <v>6</v>
      </c>
      <c r="H1649">
        <v>550</v>
      </c>
      <c r="I1649">
        <v>1</v>
      </c>
      <c r="J1649">
        <v>0</v>
      </c>
      <c r="K1649">
        <v>527851</v>
      </c>
      <c r="L1649">
        <v>527852</v>
      </c>
      <c r="M1649">
        <v>37</v>
      </c>
      <c r="O1649" s="1">
        <v>42361.897916666669</v>
      </c>
      <c r="P1649" s="1">
        <v>42361.917361111111</v>
      </c>
    </row>
    <row r="1650" spans="1:16" x14ac:dyDescent="0.4">
      <c r="A1650">
        <v>2762</v>
      </c>
      <c r="B1650">
        <v>120202</v>
      </c>
      <c r="C1650" s="1">
        <v>42362</v>
      </c>
      <c r="D1650">
        <v>280</v>
      </c>
      <c r="E1650">
        <v>1266</v>
      </c>
      <c r="F1650" t="s">
        <v>13</v>
      </c>
      <c r="G1650">
        <v>11</v>
      </c>
      <c r="H1650">
        <v>680</v>
      </c>
      <c r="I1650">
        <v>1</v>
      </c>
      <c r="J1650">
        <v>0</v>
      </c>
      <c r="K1650">
        <v>528040</v>
      </c>
      <c r="L1650">
        <v>528041</v>
      </c>
      <c r="M1650">
        <v>85</v>
      </c>
      <c r="N1650" t="s">
        <v>295</v>
      </c>
      <c r="O1650" s="1">
        <v>42362.50277777778</v>
      </c>
      <c r="P1650" s="1">
        <v>42362.543055555558</v>
      </c>
    </row>
    <row r="1651" spans="1:16" x14ac:dyDescent="0.4">
      <c r="A1651">
        <v>2763</v>
      </c>
      <c r="B1651">
        <v>120357</v>
      </c>
      <c r="C1651" s="1">
        <v>42363</v>
      </c>
      <c r="D1651">
        <v>97</v>
      </c>
      <c r="E1651">
        <v>21</v>
      </c>
      <c r="F1651" t="s">
        <v>6</v>
      </c>
      <c r="G1651">
        <v>2</v>
      </c>
      <c r="H1651">
        <v>420</v>
      </c>
      <c r="I1651">
        <v>2</v>
      </c>
      <c r="J1651">
        <v>0</v>
      </c>
      <c r="K1651">
        <v>528684</v>
      </c>
      <c r="L1651">
        <v>528685</v>
      </c>
      <c r="M1651">
        <v>90</v>
      </c>
      <c r="N1651" t="s">
        <v>9</v>
      </c>
      <c r="O1651" s="1">
        <v>42364.080555555556</v>
      </c>
      <c r="P1651" s="1">
        <v>42364.12777777778</v>
      </c>
    </row>
    <row r="1652" spans="1:16" x14ac:dyDescent="0.4">
      <c r="A1652">
        <v>2764</v>
      </c>
      <c r="B1652">
        <v>120414</v>
      </c>
      <c r="C1652" s="1">
        <v>42364</v>
      </c>
      <c r="D1652">
        <v>115</v>
      </c>
      <c r="E1652">
        <v>87</v>
      </c>
      <c r="F1652" t="s">
        <v>304</v>
      </c>
      <c r="G1652">
        <v>18</v>
      </c>
      <c r="H1652">
        <v>150</v>
      </c>
      <c r="I1652">
        <v>1</v>
      </c>
      <c r="J1652">
        <v>0</v>
      </c>
      <c r="K1652">
        <v>528866</v>
      </c>
      <c r="L1652">
        <v>528867</v>
      </c>
      <c r="M1652">
        <v>37</v>
      </c>
      <c r="O1652" s="1">
        <v>42364.666666666664</v>
      </c>
      <c r="P1652" s="1">
        <v>42364.739583333336</v>
      </c>
    </row>
    <row r="1653" spans="1:16" x14ac:dyDescent="0.4">
      <c r="A1653">
        <v>2765</v>
      </c>
      <c r="B1653">
        <v>120470</v>
      </c>
      <c r="C1653" s="1">
        <v>42364</v>
      </c>
      <c r="D1653">
        <v>9</v>
      </c>
      <c r="E1653">
        <v>101</v>
      </c>
      <c r="F1653" t="s">
        <v>54</v>
      </c>
      <c r="G1653">
        <v>6</v>
      </c>
      <c r="H1653">
        <v>420</v>
      </c>
      <c r="I1653">
        <v>1</v>
      </c>
      <c r="J1653">
        <v>0</v>
      </c>
      <c r="K1653">
        <v>529219</v>
      </c>
      <c r="L1653">
        <v>529220</v>
      </c>
      <c r="M1653">
        <v>80</v>
      </c>
      <c r="N1653" t="s">
        <v>40</v>
      </c>
      <c r="O1653" s="1">
        <v>42365.070138888892</v>
      </c>
      <c r="P1653" s="1">
        <v>42365.076388888891</v>
      </c>
    </row>
    <row r="1654" spans="1:16" x14ac:dyDescent="0.4">
      <c r="A1654">
        <v>2766</v>
      </c>
      <c r="B1654">
        <v>120527</v>
      </c>
      <c r="C1654" s="1">
        <v>42365</v>
      </c>
      <c r="D1654">
        <v>142</v>
      </c>
      <c r="E1654">
        <v>125</v>
      </c>
      <c r="F1654" t="s">
        <v>31</v>
      </c>
      <c r="G1654">
        <v>1</v>
      </c>
      <c r="H1654">
        <v>350</v>
      </c>
      <c r="I1654">
        <v>1</v>
      </c>
      <c r="J1654">
        <v>0</v>
      </c>
      <c r="K1654">
        <v>529469</v>
      </c>
      <c r="L1654">
        <v>529470</v>
      </c>
      <c r="M1654">
        <v>37</v>
      </c>
      <c r="O1654" s="1">
        <v>42365.815972222219</v>
      </c>
      <c r="P1654" s="1">
        <v>42365.817361111112</v>
      </c>
    </row>
    <row r="1655" spans="1:16" x14ac:dyDescent="0.4">
      <c r="A1655">
        <v>2767</v>
      </c>
      <c r="B1655">
        <v>120581</v>
      </c>
      <c r="C1655" s="1">
        <v>42365</v>
      </c>
      <c r="D1655">
        <v>57</v>
      </c>
      <c r="E1655">
        <v>30</v>
      </c>
      <c r="F1655" t="s">
        <v>60</v>
      </c>
      <c r="G1655">
        <v>11</v>
      </c>
      <c r="H1655">
        <v>320</v>
      </c>
      <c r="I1655">
        <v>1</v>
      </c>
      <c r="J1655">
        <v>0</v>
      </c>
      <c r="K1655">
        <v>529775</v>
      </c>
      <c r="L1655">
        <v>529776</v>
      </c>
      <c r="M1655">
        <v>80</v>
      </c>
      <c r="N1655" t="s">
        <v>40</v>
      </c>
      <c r="O1655" s="1">
        <v>42366.067361111112</v>
      </c>
      <c r="P1655" s="1">
        <v>42366.074999999997</v>
      </c>
    </row>
    <row r="1656" spans="1:16" x14ac:dyDescent="0.4">
      <c r="A1656">
        <v>2768</v>
      </c>
      <c r="B1656">
        <v>120581</v>
      </c>
      <c r="C1656" s="1">
        <v>42365</v>
      </c>
      <c r="D1656">
        <v>76</v>
      </c>
      <c r="E1656">
        <v>51</v>
      </c>
      <c r="F1656" t="s">
        <v>33</v>
      </c>
      <c r="G1656">
        <v>11</v>
      </c>
      <c r="H1656">
        <v>400</v>
      </c>
      <c r="I1656">
        <v>1</v>
      </c>
      <c r="J1656">
        <v>0</v>
      </c>
      <c r="K1656">
        <v>529777</v>
      </c>
      <c r="L1656">
        <v>529778</v>
      </c>
      <c r="M1656">
        <v>80</v>
      </c>
      <c r="N1656" t="s">
        <v>40</v>
      </c>
      <c r="O1656" s="1">
        <v>42366.067361111112</v>
      </c>
      <c r="P1656" s="1">
        <v>42366.075694444444</v>
      </c>
    </row>
    <row r="1657" spans="1:16" x14ac:dyDescent="0.4">
      <c r="A1657">
        <v>2769</v>
      </c>
      <c r="B1657">
        <v>120581</v>
      </c>
      <c r="C1657" s="1">
        <v>42365</v>
      </c>
      <c r="D1657">
        <v>94</v>
      </c>
      <c r="E1657">
        <v>75</v>
      </c>
      <c r="F1657" t="s">
        <v>57</v>
      </c>
      <c r="G1657">
        <v>11</v>
      </c>
      <c r="H1657">
        <v>480</v>
      </c>
      <c r="I1657">
        <v>1</v>
      </c>
      <c r="J1657">
        <v>0</v>
      </c>
      <c r="K1657">
        <v>529779</v>
      </c>
      <c r="L1657">
        <v>529780</v>
      </c>
      <c r="M1657">
        <v>80</v>
      </c>
      <c r="N1657" t="s">
        <v>40</v>
      </c>
      <c r="O1657" s="1">
        <v>42366.067361111112</v>
      </c>
      <c r="P1657" s="1">
        <v>42366.075694444444</v>
      </c>
    </row>
    <row r="1658" spans="1:16" x14ac:dyDescent="0.4">
      <c r="A1658">
        <v>2770</v>
      </c>
      <c r="B1658">
        <v>120581</v>
      </c>
      <c r="C1658" s="1">
        <v>42365</v>
      </c>
      <c r="D1658">
        <v>75</v>
      </c>
      <c r="E1658">
        <v>56</v>
      </c>
      <c r="F1658" t="s">
        <v>49</v>
      </c>
      <c r="G1658">
        <v>11</v>
      </c>
      <c r="H1658">
        <v>400</v>
      </c>
      <c r="I1658">
        <v>1</v>
      </c>
      <c r="J1658">
        <v>0</v>
      </c>
      <c r="K1658">
        <v>529786</v>
      </c>
      <c r="L1658">
        <v>529787</v>
      </c>
      <c r="M1658">
        <v>80</v>
      </c>
      <c r="N1658" t="s">
        <v>40</v>
      </c>
      <c r="O1658" s="1">
        <v>42366.07916666667</v>
      </c>
      <c r="P1658" s="1">
        <v>42366.082638888889</v>
      </c>
    </row>
    <row r="1659" spans="1:16" x14ac:dyDescent="0.4">
      <c r="A1659">
        <v>2771</v>
      </c>
      <c r="B1659">
        <v>120589</v>
      </c>
      <c r="C1659" s="1">
        <v>42366</v>
      </c>
      <c r="D1659">
        <v>125</v>
      </c>
      <c r="E1659">
        <v>126</v>
      </c>
      <c r="F1659" t="s">
        <v>8</v>
      </c>
      <c r="G1659">
        <v>11</v>
      </c>
      <c r="H1659">
        <v>380</v>
      </c>
      <c r="I1659">
        <v>1</v>
      </c>
      <c r="J1659">
        <v>0</v>
      </c>
      <c r="K1659">
        <v>529962</v>
      </c>
      <c r="L1659">
        <v>529963</v>
      </c>
      <c r="M1659">
        <v>93</v>
      </c>
      <c r="N1659" t="s">
        <v>15</v>
      </c>
      <c r="O1659" s="1">
        <v>42366.46597222222</v>
      </c>
      <c r="P1659" s="1">
        <v>42366.665277777778</v>
      </c>
    </row>
    <row r="1660" spans="1:16" x14ac:dyDescent="0.4">
      <c r="A1660">
        <v>2772</v>
      </c>
      <c r="B1660">
        <v>120698</v>
      </c>
      <c r="C1660" s="1">
        <v>42367</v>
      </c>
      <c r="D1660">
        <v>280</v>
      </c>
      <c r="E1660">
        <v>1266</v>
      </c>
      <c r="F1660" t="s">
        <v>13</v>
      </c>
      <c r="G1660">
        <v>17</v>
      </c>
      <c r="H1660">
        <v>680</v>
      </c>
      <c r="I1660">
        <v>1</v>
      </c>
      <c r="J1660">
        <v>0</v>
      </c>
      <c r="K1660">
        <v>530465</v>
      </c>
      <c r="L1660">
        <v>530466</v>
      </c>
      <c r="M1660">
        <v>85</v>
      </c>
      <c r="N1660" t="s">
        <v>295</v>
      </c>
      <c r="O1660" s="1">
        <v>42367.441666666666</v>
      </c>
      <c r="P1660" s="1">
        <v>42367.545138888891</v>
      </c>
    </row>
    <row r="1661" spans="1:16" x14ac:dyDescent="0.4">
      <c r="A1661">
        <v>2773</v>
      </c>
      <c r="B1661">
        <v>120695</v>
      </c>
      <c r="C1661" s="1">
        <v>42367</v>
      </c>
      <c r="D1661">
        <v>11</v>
      </c>
      <c r="E1661">
        <v>110</v>
      </c>
      <c r="F1661" t="s">
        <v>73</v>
      </c>
      <c r="G1661">
        <v>9</v>
      </c>
      <c r="H1661">
        <v>500</v>
      </c>
      <c r="I1661">
        <v>1</v>
      </c>
      <c r="J1661">
        <v>0</v>
      </c>
      <c r="K1661">
        <v>530469</v>
      </c>
      <c r="L1661">
        <v>530470</v>
      </c>
      <c r="M1661">
        <v>85</v>
      </c>
      <c r="N1661" t="s">
        <v>295</v>
      </c>
      <c r="O1661" s="1">
        <v>42367.538194444445</v>
      </c>
      <c r="P1661" s="1">
        <v>42367.54583333333</v>
      </c>
    </row>
    <row r="1662" spans="1:16" x14ac:dyDescent="0.4">
      <c r="A1662">
        <v>2774</v>
      </c>
      <c r="B1662">
        <v>120734</v>
      </c>
      <c r="C1662" s="1">
        <v>42367</v>
      </c>
      <c r="D1662">
        <v>13</v>
      </c>
      <c r="E1662">
        <v>112</v>
      </c>
      <c r="F1662" t="s">
        <v>62</v>
      </c>
      <c r="G1662">
        <v>16</v>
      </c>
      <c r="H1662">
        <v>500</v>
      </c>
      <c r="I1662">
        <v>1</v>
      </c>
      <c r="J1662">
        <v>0</v>
      </c>
      <c r="K1662">
        <v>530573</v>
      </c>
      <c r="L1662">
        <v>530574</v>
      </c>
      <c r="M1662">
        <v>85</v>
      </c>
      <c r="N1662" t="s">
        <v>295</v>
      </c>
      <c r="O1662" s="1">
        <v>42367.751388888886</v>
      </c>
      <c r="P1662" s="1">
        <v>42367.767361111109</v>
      </c>
    </row>
    <row r="1663" spans="1:16" x14ac:dyDescent="0.4">
      <c r="A1663">
        <v>2775</v>
      </c>
      <c r="B1663">
        <v>120778</v>
      </c>
      <c r="C1663" s="1">
        <v>42367</v>
      </c>
      <c r="D1663">
        <v>153</v>
      </c>
      <c r="E1663">
        <v>151</v>
      </c>
      <c r="F1663" t="s">
        <v>108</v>
      </c>
      <c r="G1663">
        <v>10</v>
      </c>
      <c r="H1663">
        <v>420</v>
      </c>
      <c r="I1663">
        <v>3</v>
      </c>
      <c r="J1663">
        <v>1</v>
      </c>
      <c r="K1663">
        <v>530938</v>
      </c>
      <c r="L1663">
        <v>530939</v>
      </c>
      <c r="M1663">
        <v>80</v>
      </c>
      <c r="N1663" t="s">
        <v>40</v>
      </c>
      <c r="O1663" s="1">
        <v>42368.125694444447</v>
      </c>
      <c r="P1663" s="1">
        <v>42368.125694444447</v>
      </c>
    </row>
    <row r="1664" spans="1:16" x14ac:dyDescent="0.4">
      <c r="A1664">
        <v>2776</v>
      </c>
      <c r="B1664">
        <v>120855</v>
      </c>
      <c r="C1664" s="1">
        <v>42368</v>
      </c>
      <c r="D1664">
        <v>186</v>
      </c>
      <c r="E1664">
        <v>225</v>
      </c>
      <c r="F1664" t="s">
        <v>34</v>
      </c>
      <c r="G1664">
        <v>6</v>
      </c>
      <c r="H1664">
        <v>350</v>
      </c>
      <c r="I1664">
        <v>1</v>
      </c>
      <c r="J1664">
        <v>0</v>
      </c>
      <c r="K1664">
        <v>531151</v>
      </c>
      <c r="L1664">
        <v>531152</v>
      </c>
      <c r="M1664">
        <v>90</v>
      </c>
      <c r="N1664" t="s">
        <v>9</v>
      </c>
      <c r="O1664" s="1">
        <v>42368.772916666669</v>
      </c>
      <c r="P1664" s="1">
        <v>42368.773611111108</v>
      </c>
    </row>
    <row r="1665" spans="1:16" x14ac:dyDescent="0.4">
      <c r="A1665">
        <v>2777</v>
      </c>
      <c r="B1665">
        <v>120869</v>
      </c>
      <c r="C1665" s="1">
        <v>42368</v>
      </c>
      <c r="D1665">
        <v>97</v>
      </c>
      <c r="E1665">
        <v>21</v>
      </c>
      <c r="F1665" t="s">
        <v>6</v>
      </c>
      <c r="G1665">
        <v>9</v>
      </c>
      <c r="H1665">
        <v>420</v>
      </c>
      <c r="I1665">
        <v>1</v>
      </c>
      <c r="J1665">
        <v>0</v>
      </c>
      <c r="K1665">
        <v>531255</v>
      </c>
      <c r="L1665">
        <v>531256</v>
      </c>
      <c r="M1665">
        <v>80</v>
      </c>
      <c r="N1665" t="s">
        <v>40</v>
      </c>
      <c r="O1665" s="1">
        <v>42368.902083333334</v>
      </c>
      <c r="P1665" s="1">
        <v>42368.902777777781</v>
      </c>
    </row>
    <row r="1666" spans="1:16" x14ac:dyDescent="0.4">
      <c r="A1666">
        <v>2778</v>
      </c>
      <c r="B1666">
        <v>120869</v>
      </c>
      <c r="C1666" s="1">
        <v>42368</v>
      </c>
      <c r="D1666">
        <v>186</v>
      </c>
      <c r="E1666">
        <v>225</v>
      </c>
      <c r="F1666" t="s">
        <v>34</v>
      </c>
      <c r="G1666">
        <v>9</v>
      </c>
      <c r="H1666">
        <v>280</v>
      </c>
      <c r="I1666">
        <v>1</v>
      </c>
      <c r="J1666">
        <v>0</v>
      </c>
      <c r="K1666">
        <v>531257</v>
      </c>
      <c r="L1666">
        <v>531258</v>
      </c>
      <c r="M1666">
        <v>80</v>
      </c>
      <c r="N1666" t="s">
        <v>40</v>
      </c>
      <c r="O1666" s="1">
        <v>42368.902083333334</v>
      </c>
      <c r="P1666" s="1">
        <v>42368.902777777781</v>
      </c>
    </row>
    <row r="1667" spans="1:16" x14ac:dyDescent="0.4">
      <c r="A1667">
        <v>2779</v>
      </c>
      <c r="B1667">
        <v>120958</v>
      </c>
      <c r="C1667" s="1">
        <v>42369</v>
      </c>
      <c r="D1667">
        <v>139</v>
      </c>
      <c r="E1667">
        <v>134</v>
      </c>
      <c r="F1667" t="s">
        <v>177</v>
      </c>
      <c r="G1667">
        <v>1</v>
      </c>
      <c r="H1667">
        <v>1380</v>
      </c>
      <c r="I1667">
        <v>1</v>
      </c>
      <c r="J1667">
        <v>0</v>
      </c>
      <c r="K1667">
        <v>531799</v>
      </c>
      <c r="L1667">
        <v>531800</v>
      </c>
      <c r="M1667">
        <v>80</v>
      </c>
      <c r="N1667" t="s">
        <v>40</v>
      </c>
      <c r="O1667" s="1">
        <v>42369.938194444447</v>
      </c>
      <c r="P1667" s="1">
        <v>42369.939583333333</v>
      </c>
    </row>
    <row r="1668" spans="1:16" x14ac:dyDescent="0.4">
      <c r="A1668">
        <v>2780</v>
      </c>
      <c r="B1668">
        <v>120983</v>
      </c>
      <c r="C1668" s="1">
        <v>42369</v>
      </c>
      <c r="D1668">
        <v>125</v>
      </c>
      <c r="E1668">
        <v>126</v>
      </c>
      <c r="F1668" t="s">
        <v>8</v>
      </c>
      <c r="G1668">
        <v>20</v>
      </c>
      <c r="H1668">
        <v>380</v>
      </c>
      <c r="I1668">
        <v>1</v>
      </c>
      <c r="J1668">
        <v>0</v>
      </c>
      <c r="K1668">
        <v>531891</v>
      </c>
      <c r="L1668">
        <v>531892</v>
      </c>
      <c r="M1668">
        <v>80</v>
      </c>
      <c r="N1668" t="s">
        <v>40</v>
      </c>
      <c r="O1668" s="1">
        <v>42370.074999999997</v>
      </c>
      <c r="P1668" s="1">
        <v>42370.079861111109</v>
      </c>
    </row>
    <row r="1669" spans="1:16" x14ac:dyDescent="0.4">
      <c r="A1669">
        <v>2781</v>
      </c>
      <c r="B1669">
        <v>120983</v>
      </c>
      <c r="C1669" s="1">
        <v>42369</v>
      </c>
      <c r="D1669">
        <v>290</v>
      </c>
      <c r="E1669">
        <v>1260</v>
      </c>
      <c r="F1669" t="s">
        <v>22</v>
      </c>
      <c r="G1669">
        <v>20</v>
      </c>
      <c r="H1669">
        <v>500</v>
      </c>
      <c r="I1669">
        <v>1</v>
      </c>
      <c r="J1669">
        <v>0</v>
      </c>
      <c r="K1669">
        <v>531948</v>
      </c>
      <c r="L1669">
        <v>531949</v>
      </c>
      <c r="M1669">
        <v>80</v>
      </c>
      <c r="N1669" t="s">
        <v>40</v>
      </c>
      <c r="O1669" s="1">
        <v>42370.080555555556</v>
      </c>
      <c r="P1669" s="1">
        <v>42370.176388888889</v>
      </c>
    </row>
    <row r="1670" spans="1:16" x14ac:dyDescent="0.4">
      <c r="A1670">
        <v>2782</v>
      </c>
      <c r="B1670">
        <v>121000</v>
      </c>
      <c r="C1670" s="1">
        <v>42370</v>
      </c>
      <c r="D1670">
        <v>105</v>
      </c>
      <c r="E1670">
        <v>86</v>
      </c>
      <c r="F1670" t="s">
        <v>287</v>
      </c>
      <c r="G1670">
        <v>20</v>
      </c>
      <c r="H1670">
        <v>1800</v>
      </c>
      <c r="I1670">
        <v>1</v>
      </c>
      <c r="J1670">
        <v>0</v>
      </c>
      <c r="K1670">
        <v>532025</v>
      </c>
      <c r="L1670">
        <v>532026</v>
      </c>
      <c r="M1670">
        <v>85</v>
      </c>
      <c r="N1670" t="s">
        <v>295</v>
      </c>
      <c r="O1670" s="1">
        <v>42370.657638888886</v>
      </c>
      <c r="P1670" s="1">
        <v>42370.675694444442</v>
      </c>
    </row>
    <row r="1671" spans="1:16" x14ac:dyDescent="0.4">
      <c r="A1671">
        <v>2783</v>
      </c>
      <c r="B1671">
        <v>121014</v>
      </c>
      <c r="C1671" s="1">
        <v>42370</v>
      </c>
      <c r="D1671">
        <v>153</v>
      </c>
      <c r="E1671">
        <v>151</v>
      </c>
      <c r="F1671" t="s">
        <v>108</v>
      </c>
      <c r="G1671">
        <v>7</v>
      </c>
      <c r="H1671">
        <v>420</v>
      </c>
      <c r="I1671">
        <v>1</v>
      </c>
      <c r="J1671">
        <v>0</v>
      </c>
      <c r="K1671">
        <v>532092</v>
      </c>
      <c r="L1671">
        <v>532093</v>
      </c>
      <c r="M1671">
        <v>90</v>
      </c>
      <c r="N1671" t="s">
        <v>9</v>
      </c>
      <c r="O1671" s="1">
        <v>42370.867361111108</v>
      </c>
      <c r="P1671" s="1">
        <v>42370.879166666666</v>
      </c>
    </row>
    <row r="1672" spans="1:16" x14ac:dyDescent="0.4">
      <c r="A1672">
        <v>2784</v>
      </c>
      <c r="B1672">
        <v>121029</v>
      </c>
      <c r="C1672" s="1">
        <v>42370</v>
      </c>
      <c r="D1672">
        <v>71</v>
      </c>
      <c r="E1672">
        <v>52</v>
      </c>
      <c r="F1672" t="s">
        <v>23</v>
      </c>
      <c r="G1672">
        <v>7</v>
      </c>
      <c r="H1672">
        <v>400</v>
      </c>
      <c r="I1672">
        <v>1</v>
      </c>
      <c r="J1672">
        <v>0</v>
      </c>
      <c r="K1672">
        <v>532149</v>
      </c>
      <c r="L1672">
        <v>532150</v>
      </c>
      <c r="M1672">
        <v>91</v>
      </c>
      <c r="N1672" t="s">
        <v>24</v>
      </c>
      <c r="O1672" s="1">
        <v>42370.987500000003</v>
      </c>
      <c r="P1672" s="1">
        <v>42370.987500000003</v>
      </c>
    </row>
    <row r="1673" spans="1:16" x14ac:dyDescent="0.4">
      <c r="A1673">
        <v>2785</v>
      </c>
      <c r="B1673">
        <v>121029</v>
      </c>
      <c r="C1673" s="1">
        <v>42370</v>
      </c>
      <c r="D1673">
        <v>88</v>
      </c>
      <c r="E1673">
        <v>69</v>
      </c>
      <c r="F1673" t="s">
        <v>55</v>
      </c>
      <c r="G1673">
        <v>7</v>
      </c>
      <c r="H1673">
        <v>400</v>
      </c>
      <c r="I1673">
        <v>1</v>
      </c>
      <c r="J1673">
        <v>0</v>
      </c>
      <c r="K1673">
        <v>532151</v>
      </c>
      <c r="L1673">
        <v>532152</v>
      </c>
      <c r="M1673">
        <v>91</v>
      </c>
      <c r="N1673" t="s">
        <v>24</v>
      </c>
      <c r="O1673" s="1">
        <v>42370.987500000003</v>
      </c>
      <c r="P1673" s="1">
        <v>42370.987500000003</v>
      </c>
    </row>
    <row r="1674" spans="1:16" x14ac:dyDescent="0.4">
      <c r="A1674">
        <v>2786</v>
      </c>
      <c r="B1674">
        <v>121029</v>
      </c>
      <c r="C1674" s="1">
        <v>42370</v>
      </c>
      <c r="D1674">
        <v>205</v>
      </c>
      <c r="E1674">
        <v>400</v>
      </c>
      <c r="F1674" t="s">
        <v>125</v>
      </c>
      <c r="G1674">
        <v>7</v>
      </c>
      <c r="H1674">
        <v>320</v>
      </c>
      <c r="I1674">
        <v>1</v>
      </c>
      <c r="J1674">
        <v>0</v>
      </c>
      <c r="K1674">
        <v>532153</v>
      </c>
      <c r="L1674">
        <v>532154</v>
      </c>
      <c r="M1674">
        <v>91</v>
      </c>
      <c r="N1674" t="s">
        <v>24</v>
      </c>
      <c r="O1674" s="1">
        <v>42370.987500000003</v>
      </c>
      <c r="P1674" s="1">
        <v>42370.987500000003</v>
      </c>
    </row>
    <row r="1675" spans="1:16" x14ac:dyDescent="0.4">
      <c r="A1675">
        <v>2787</v>
      </c>
      <c r="B1675">
        <v>121029</v>
      </c>
      <c r="C1675" s="1">
        <v>42370</v>
      </c>
      <c r="D1675">
        <v>248</v>
      </c>
      <c r="E1675">
        <v>240</v>
      </c>
      <c r="F1675" t="s">
        <v>104</v>
      </c>
      <c r="G1675">
        <v>7</v>
      </c>
      <c r="H1675">
        <v>420</v>
      </c>
      <c r="I1675">
        <v>1</v>
      </c>
      <c r="J1675">
        <v>0</v>
      </c>
      <c r="K1675">
        <v>532155</v>
      </c>
      <c r="L1675">
        <v>532156</v>
      </c>
      <c r="M1675">
        <v>91</v>
      </c>
      <c r="N1675" t="s">
        <v>24</v>
      </c>
      <c r="O1675" s="1">
        <v>42370.987500000003</v>
      </c>
      <c r="P1675" s="1">
        <v>42370.987500000003</v>
      </c>
    </row>
    <row r="1676" spans="1:16" x14ac:dyDescent="0.4">
      <c r="A1676">
        <v>2788</v>
      </c>
      <c r="B1676">
        <v>121031</v>
      </c>
      <c r="C1676" s="1">
        <v>42370</v>
      </c>
      <c r="D1676">
        <v>88</v>
      </c>
      <c r="E1676">
        <v>69</v>
      </c>
      <c r="F1676" t="s">
        <v>55</v>
      </c>
      <c r="G1676">
        <v>14</v>
      </c>
      <c r="H1676">
        <v>400</v>
      </c>
      <c r="I1676">
        <v>1</v>
      </c>
      <c r="J1676">
        <v>0</v>
      </c>
      <c r="K1676">
        <v>532217</v>
      </c>
      <c r="L1676">
        <v>532218</v>
      </c>
      <c r="M1676">
        <v>74</v>
      </c>
      <c r="N1676" t="s">
        <v>56</v>
      </c>
      <c r="O1676" s="1">
        <v>42371.072916666664</v>
      </c>
      <c r="P1676" s="1">
        <v>42371.072916666664</v>
      </c>
    </row>
    <row r="1677" spans="1:16" x14ac:dyDescent="0.4">
      <c r="A1677">
        <v>2789</v>
      </c>
      <c r="B1677">
        <v>121031</v>
      </c>
      <c r="C1677" s="1">
        <v>42370</v>
      </c>
      <c r="D1677">
        <v>71</v>
      </c>
      <c r="E1677">
        <v>52</v>
      </c>
      <c r="F1677" t="s">
        <v>23</v>
      </c>
      <c r="G1677">
        <v>14</v>
      </c>
      <c r="H1677">
        <v>400</v>
      </c>
      <c r="I1677">
        <v>1</v>
      </c>
      <c r="J1677">
        <v>0</v>
      </c>
      <c r="K1677">
        <v>532219</v>
      </c>
      <c r="L1677">
        <v>532220</v>
      </c>
      <c r="M1677">
        <v>74</v>
      </c>
      <c r="N1677" t="s">
        <v>56</v>
      </c>
      <c r="O1677" s="1">
        <v>42371.072916666664</v>
      </c>
      <c r="P1677" s="1">
        <v>42371.072916666664</v>
      </c>
    </row>
    <row r="1678" spans="1:16" x14ac:dyDescent="0.4">
      <c r="A1678">
        <v>2790</v>
      </c>
      <c r="B1678">
        <v>121175</v>
      </c>
      <c r="C1678" s="1">
        <v>42372</v>
      </c>
      <c r="D1678">
        <v>148</v>
      </c>
      <c r="E1678">
        <v>124</v>
      </c>
      <c r="F1678" t="s">
        <v>35</v>
      </c>
      <c r="G1678">
        <v>1</v>
      </c>
      <c r="H1678">
        <v>450</v>
      </c>
      <c r="I1678">
        <v>1</v>
      </c>
      <c r="J1678">
        <v>0</v>
      </c>
      <c r="K1678">
        <v>532948</v>
      </c>
      <c r="L1678">
        <v>532949</v>
      </c>
      <c r="M1678">
        <v>80</v>
      </c>
      <c r="N1678" t="s">
        <v>40</v>
      </c>
      <c r="O1678" s="1">
        <v>42372.925694444442</v>
      </c>
      <c r="P1678" s="1">
        <v>42372.95</v>
      </c>
    </row>
    <row r="1679" spans="1:16" x14ac:dyDescent="0.4">
      <c r="A1679">
        <v>2791</v>
      </c>
      <c r="B1679">
        <v>121198</v>
      </c>
      <c r="C1679" s="1">
        <v>42372</v>
      </c>
      <c r="D1679">
        <v>290</v>
      </c>
      <c r="E1679">
        <v>1260</v>
      </c>
      <c r="F1679" t="s">
        <v>22</v>
      </c>
      <c r="G1679">
        <v>16</v>
      </c>
      <c r="H1679">
        <v>500</v>
      </c>
      <c r="I1679">
        <v>1</v>
      </c>
      <c r="J1679">
        <v>0</v>
      </c>
      <c r="K1679">
        <v>533038</v>
      </c>
      <c r="L1679">
        <v>533039</v>
      </c>
      <c r="M1679">
        <v>80</v>
      </c>
      <c r="N1679" t="s">
        <v>40</v>
      </c>
      <c r="O1679" s="1">
        <v>42373.041666666664</v>
      </c>
      <c r="P1679" s="1">
        <v>42373.041666666664</v>
      </c>
    </row>
    <row r="1680" spans="1:16" x14ac:dyDescent="0.4">
      <c r="A1680">
        <v>2792</v>
      </c>
      <c r="B1680">
        <v>121221</v>
      </c>
      <c r="C1680" s="1">
        <v>42373</v>
      </c>
      <c r="D1680">
        <v>290</v>
      </c>
      <c r="E1680">
        <v>1260</v>
      </c>
      <c r="F1680" t="s">
        <v>22</v>
      </c>
      <c r="G1680">
        <v>8</v>
      </c>
      <c r="H1680">
        <v>500</v>
      </c>
      <c r="I1680">
        <v>1</v>
      </c>
      <c r="J1680">
        <v>0</v>
      </c>
      <c r="K1680">
        <v>533170</v>
      </c>
      <c r="L1680">
        <v>533171</v>
      </c>
      <c r="M1680">
        <v>85</v>
      </c>
      <c r="N1680" t="s">
        <v>295</v>
      </c>
      <c r="O1680" s="1">
        <v>42373.469444444447</v>
      </c>
      <c r="P1680" s="1">
        <v>42373.558333333334</v>
      </c>
    </row>
    <row r="1681" spans="1:16" x14ac:dyDescent="0.4">
      <c r="A1681">
        <v>2793</v>
      </c>
      <c r="B1681">
        <v>121266</v>
      </c>
      <c r="C1681" s="1">
        <v>42373</v>
      </c>
      <c r="D1681">
        <v>290</v>
      </c>
      <c r="E1681">
        <v>1260</v>
      </c>
      <c r="F1681" t="s">
        <v>22</v>
      </c>
      <c r="G1681">
        <v>3</v>
      </c>
      <c r="H1681">
        <v>500</v>
      </c>
      <c r="I1681">
        <v>1</v>
      </c>
      <c r="J1681">
        <v>0</v>
      </c>
      <c r="K1681">
        <v>533329</v>
      </c>
      <c r="L1681">
        <v>533330</v>
      </c>
      <c r="M1681">
        <v>80</v>
      </c>
      <c r="N1681" t="s">
        <v>40</v>
      </c>
      <c r="O1681" s="1">
        <v>42373.881249999999</v>
      </c>
      <c r="P1681" s="1">
        <v>42373.882638888892</v>
      </c>
    </row>
    <row r="1682" spans="1:16" x14ac:dyDescent="0.4">
      <c r="A1682">
        <v>2794</v>
      </c>
      <c r="B1682">
        <v>121292</v>
      </c>
      <c r="C1682" s="1">
        <v>42373</v>
      </c>
      <c r="D1682">
        <v>75</v>
      </c>
      <c r="E1682">
        <v>56</v>
      </c>
      <c r="F1682" t="s">
        <v>49</v>
      </c>
      <c r="G1682">
        <v>3</v>
      </c>
      <c r="H1682">
        <v>400</v>
      </c>
      <c r="I1682">
        <v>1</v>
      </c>
      <c r="J1682">
        <v>0</v>
      </c>
      <c r="K1682">
        <v>533427</v>
      </c>
      <c r="L1682">
        <v>533428</v>
      </c>
      <c r="M1682">
        <v>80</v>
      </c>
      <c r="N1682" t="s">
        <v>40</v>
      </c>
      <c r="O1682" s="1">
        <v>42373.977083333331</v>
      </c>
      <c r="P1682" s="1">
        <v>42373.976388888892</v>
      </c>
    </row>
    <row r="1683" spans="1:16" x14ac:dyDescent="0.4">
      <c r="A1683">
        <v>2795</v>
      </c>
      <c r="B1683">
        <v>121318</v>
      </c>
      <c r="C1683" s="1">
        <v>42374</v>
      </c>
      <c r="D1683">
        <v>148</v>
      </c>
      <c r="E1683">
        <v>124</v>
      </c>
      <c r="F1683" t="s">
        <v>35</v>
      </c>
      <c r="G1683">
        <v>1</v>
      </c>
      <c r="H1683">
        <v>450</v>
      </c>
      <c r="I1683">
        <v>1</v>
      </c>
      <c r="J1683">
        <v>0</v>
      </c>
      <c r="K1683">
        <v>533618</v>
      </c>
      <c r="L1683">
        <v>533619</v>
      </c>
      <c r="M1683">
        <v>85</v>
      </c>
      <c r="N1683" t="s">
        <v>295</v>
      </c>
      <c r="O1683" s="1">
        <v>42374.495138888888</v>
      </c>
      <c r="P1683" s="1">
        <v>42374.495138888888</v>
      </c>
    </row>
    <row r="1684" spans="1:16" x14ac:dyDescent="0.4">
      <c r="A1684">
        <v>2796</v>
      </c>
      <c r="B1684">
        <v>121636</v>
      </c>
      <c r="C1684" s="1">
        <v>42378</v>
      </c>
      <c r="D1684">
        <v>92</v>
      </c>
      <c r="E1684">
        <v>73</v>
      </c>
      <c r="F1684" t="s">
        <v>120</v>
      </c>
      <c r="G1684">
        <v>12</v>
      </c>
      <c r="H1684">
        <v>480</v>
      </c>
      <c r="I1684">
        <v>1</v>
      </c>
      <c r="J1684">
        <v>0</v>
      </c>
      <c r="K1684">
        <v>534956</v>
      </c>
      <c r="L1684">
        <v>534957</v>
      </c>
      <c r="M1684">
        <v>89</v>
      </c>
      <c r="N1684" t="s">
        <v>297</v>
      </c>
      <c r="O1684" s="1">
        <v>42378.926388888889</v>
      </c>
      <c r="P1684" s="1">
        <v>42378.926388888889</v>
      </c>
    </row>
    <row r="1685" spans="1:16" x14ac:dyDescent="0.4">
      <c r="A1685">
        <v>2797</v>
      </c>
      <c r="B1685">
        <v>121624</v>
      </c>
      <c r="C1685" s="1">
        <v>42378</v>
      </c>
      <c r="D1685">
        <v>145</v>
      </c>
      <c r="E1685">
        <v>132</v>
      </c>
      <c r="F1685" t="s">
        <v>74</v>
      </c>
      <c r="G1685">
        <v>20</v>
      </c>
      <c r="H1685">
        <v>300</v>
      </c>
      <c r="I1685">
        <v>1</v>
      </c>
      <c r="J1685">
        <v>0</v>
      </c>
      <c r="K1685">
        <v>535053</v>
      </c>
      <c r="L1685">
        <v>535054</v>
      </c>
      <c r="M1685">
        <v>80</v>
      </c>
      <c r="N1685" t="s">
        <v>40</v>
      </c>
      <c r="O1685" s="1">
        <v>42379.005555555559</v>
      </c>
      <c r="P1685" s="1">
        <v>42379.007638888892</v>
      </c>
    </row>
    <row r="1686" spans="1:16" x14ac:dyDescent="0.4">
      <c r="A1686">
        <v>2798</v>
      </c>
      <c r="B1686">
        <v>121624</v>
      </c>
      <c r="C1686" s="1">
        <v>42378</v>
      </c>
      <c r="D1686">
        <v>158</v>
      </c>
      <c r="E1686">
        <v>117</v>
      </c>
      <c r="F1686" t="s">
        <v>20</v>
      </c>
      <c r="G1686">
        <v>20</v>
      </c>
      <c r="H1686">
        <v>500</v>
      </c>
      <c r="I1686">
        <v>1</v>
      </c>
      <c r="J1686">
        <v>0</v>
      </c>
      <c r="K1686">
        <v>535055</v>
      </c>
      <c r="L1686">
        <v>535056</v>
      </c>
      <c r="M1686">
        <v>80</v>
      </c>
      <c r="N1686" t="s">
        <v>40</v>
      </c>
      <c r="O1686" s="1">
        <v>42379.005555555559</v>
      </c>
      <c r="P1686" s="1">
        <v>42379.007638888892</v>
      </c>
    </row>
    <row r="1687" spans="1:16" x14ac:dyDescent="0.4">
      <c r="A1687">
        <v>2799</v>
      </c>
      <c r="B1687">
        <v>122037</v>
      </c>
      <c r="C1687" s="1">
        <v>42384</v>
      </c>
      <c r="D1687">
        <v>290</v>
      </c>
      <c r="E1687">
        <v>1260</v>
      </c>
      <c r="F1687" t="s">
        <v>22</v>
      </c>
      <c r="G1687">
        <v>14</v>
      </c>
      <c r="H1687">
        <v>500</v>
      </c>
      <c r="I1687">
        <v>1</v>
      </c>
      <c r="J1687">
        <v>0</v>
      </c>
      <c r="K1687">
        <v>536730</v>
      </c>
      <c r="L1687">
        <v>536731</v>
      </c>
      <c r="M1687">
        <v>80</v>
      </c>
      <c r="N1687" t="s">
        <v>40</v>
      </c>
      <c r="O1687" s="1">
        <v>42384.921527777777</v>
      </c>
      <c r="P1687" s="1">
        <v>42384.92291666667</v>
      </c>
    </row>
    <row r="1688" spans="1:16" x14ac:dyDescent="0.4">
      <c r="A1688">
        <v>2800</v>
      </c>
      <c r="B1688">
        <v>122126</v>
      </c>
      <c r="C1688" s="1">
        <v>42385</v>
      </c>
      <c r="D1688">
        <v>188</v>
      </c>
      <c r="E1688">
        <v>227</v>
      </c>
      <c r="F1688" t="s">
        <v>113</v>
      </c>
      <c r="G1688">
        <v>3</v>
      </c>
      <c r="H1688">
        <v>280</v>
      </c>
      <c r="I1688">
        <v>1</v>
      </c>
      <c r="J1688">
        <v>0</v>
      </c>
      <c r="K1688">
        <v>537179</v>
      </c>
      <c r="L1688">
        <v>537180</v>
      </c>
      <c r="M1688">
        <v>36</v>
      </c>
      <c r="O1688" s="1">
        <v>42385.899305555555</v>
      </c>
      <c r="P1688" s="1">
        <v>42385.902777777781</v>
      </c>
    </row>
    <row r="1689" spans="1:16" x14ac:dyDescent="0.4">
      <c r="A1689">
        <v>2801</v>
      </c>
      <c r="B1689">
        <v>122150</v>
      </c>
      <c r="C1689" s="1">
        <v>42385</v>
      </c>
      <c r="D1689">
        <v>106</v>
      </c>
      <c r="E1689">
        <v>83</v>
      </c>
      <c r="F1689" t="s">
        <v>187</v>
      </c>
      <c r="G1689">
        <v>18</v>
      </c>
      <c r="H1689">
        <v>520</v>
      </c>
      <c r="I1689">
        <v>1</v>
      </c>
      <c r="J1689">
        <v>0</v>
      </c>
      <c r="K1689">
        <v>537404</v>
      </c>
      <c r="L1689">
        <v>537405</v>
      </c>
      <c r="M1689">
        <v>80</v>
      </c>
      <c r="N1689" t="s">
        <v>40</v>
      </c>
      <c r="O1689" s="1">
        <v>42386.056250000001</v>
      </c>
      <c r="P1689" s="1">
        <v>42386.134027777778</v>
      </c>
    </row>
    <row r="1690" spans="1:16" x14ac:dyDescent="0.4">
      <c r="A1690">
        <v>2802</v>
      </c>
      <c r="B1690">
        <v>122144</v>
      </c>
      <c r="C1690" s="1">
        <v>42385</v>
      </c>
      <c r="D1690">
        <v>157</v>
      </c>
      <c r="E1690">
        <v>113</v>
      </c>
      <c r="F1690" t="s">
        <v>59</v>
      </c>
      <c r="G1690">
        <v>5</v>
      </c>
      <c r="H1690">
        <v>550</v>
      </c>
      <c r="I1690">
        <v>1</v>
      </c>
      <c r="J1690">
        <v>0</v>
      </c>
      <c r="K1690">
        <v>537437</v>
      </c>
      <c r="L1690">
        <v>537438</v>
      </c>
      <c r="M1690">
        <v>80</v>
      </c>
      <c r="N1690" t="s">
        <v>40</v>
      </c>
      <c r="O1690" s="1">
        <v>42386.059027777781</v>
      </c>
      <c r="P1690" s="1">
        <v>42386.197916666664</v>
      </c>
    </row>
    <row r="1691" spans="1:16" x14ac:dyDescent="0.4">
      <c r="A1691">
        <v>2803</v>
      </c>
      <c r="B1691">
        <v>122244</v>
      </c>
      <c r="C1691" s="1">
        <v>42387</v>
      </c>
      <c r="D1691">
        <v>96</v>
      </c>
      <c r="E1691">
        <v>20</v>
      </c>
      <c r="F1691" t="s">
        <v>63</v>
      </c>
      <c r="G1691">
        <v>2</v>
      </c>
      <c r="H1691">
        <v>420</v>
      </c>
      <c r="I1691">
        <v>1</v>
      </c>
      <c r="J1691">
        <v>0</v>
      </c>
      <c r="K1691">
        <v>537848</v>
      </c>
      <c r="L1691">
        <v>537849</v>
      </c>
      <c r="M1691">
        <v>85</v>
      </c>
      <c r="N1691" t="s">
        <v>295</v>
      </c>
      <c r="O1691" s="1">
        <v>42387.508333333331</v>
      </c>
      <c r="P1691" s="1">
        <v>42387.576388888891</v>
      </c>
    </row>
    <row r="1692" spans="1:16" x14ac:dyDescent="0.4">
      <c r="A1692">
        <v>2804</v>
      </c>
      <c r="B1692">
        <v>122581</v>
      </c>
      <c r="C1692" s="1">
        <v>42392</v>
      </c>
      <c r="D1692">
        <v>207</v>
      </c>
      <c r="E1692">
        <v>420</v>
      </c>
      <c r="F1692" t="s">
        <v>90</v>
      </c>
      <c r="G1692">
        <v>17</v>
      </c>
      <c r="H1692">
        <v>320</v>
      </c>
      <c r="I1692">
        <v>1</v>
      </c>
      <c r="J1692">
        <v>0</v>
      </c>
      <c r="K1692">
        <v>539297</v>
      </c>
      <c r="L1692">
        <v>539298</v>
      </c>
      <c r="M1692">
        <v>89</v>
      </c>
      <c r="N1692" t="s">
        <v>297</v>
      </c>
      <c r="O1692" s="1">
        <v>42392.816666666666</v>
      </c>
      <c r="P1692" s="1">
        <v>42392.84375</v>
      </c>
    </row>
    <row r="1693" spans="1:16" x14ac:dyDescent="0.4">
      <c r="A1693">
        <v>2805</v>
      </c>
      <c r="B1693">
        <v>122581</v>
      </c>
      <c r="C1693" s="1">
        <v>42392</v>
      </c>
      <c r="D1693">
        <v>75</v>
      </c>
      <c r="E1693">
        <v>56</v>
      </c>
      <c r="F1693" t="s">
        <v>49</v>
      </c>
      <c r="G1693">
        <v>17</v>
      </c>
      <c r="H1693">
        <v>400</v>
      </c>
      <c r="I1693">
        <v>1</v>
      </c>
      <c r="J1693">
        <v>0</v>
      </c>
      <c r="K1693">
        <v>539299</v>
      </c>
      <c r="L1693">
        <v>539300</v>
      </c>
      <c r="M1693">
        <v>89</v>
      </c>
      <c r="N1693" t="s">
        <v>297</v>
      </c>
      <c r="O1693" s="1">
        <v>42392.816666666666</v>
      </c>
      <c r="P1693" s="1">
        <v>42392.84375</v>
      </c>
    </row>
    <row r="1694" spans="1:16" x14ac:dyDescent="0.4">
      <c r="A1694">
        <v>2806</v>
      </c>
      <c r="B1694">
        <v>122601</v>
      </c>
      <c r="C1694" s="1">
        <v>42392</v>
      </c>
      <c r="D1694">
        <v>125</v>
      </c>
      <c r="E1694">
        <v>126</v>
      </c>
      <c r="F1694" t="s">
        <v>8</v>
      </c>
      <c r="G1694">
        <v>1</v>
      </c>
      <c r="H1694">
        <v>380</v>
      </c>
      <c r="I1694">
        <v>1</v>
      </c>
      <c r="J1694">
        <v>0</v>
      </c>
      <c r="K1694">
        <v>539504</v>
      </c>
      <c r="L1694">
        <v>539505</v>
      </c>
      <c r="M1694">
        <v>80</v>
      </c>
      <c r="N1694" t="s">
        <v>40</v>
      </c>
      <c r="O1694" s="1">
        <v>42392.974305555559</v>
      </c>
      <c r="P1694" s="1">
        <v>42393.04583333333</v>
      </c>
    </row>
    <row r="1695" spans="1:16" x14ac:dyDescent="0.4">
      <c r="A1695">
        <v>2807</v>
      </c>
      <c r="B1695">
        <v>122624</v>
      </c>
      <c r="C1695" s="1">
        <v>42392</v>
      </c>
      <c r="D1695">
        <v>16</v>
      </c>
      <c r="E1695">
        <v>120</v>
      </c>
      <c r="F1695" t="s">
        <v>58</v>
      </c>
      <c r="G1695">
        <v>18</v>
      </c>
      <c r="H1695">
        <v>450</v>
      </c>
      <c r="I1695">
        <v>1</v>
      </c>
      <c r="J1695">
        <v>0</v>
      </c>
      <c r="K1695">
        <v>539521</v>
      </c>
      <c r="L1695">
        <v>539522</v>
      </c>
      <c r="M1695">
        <v>80</v>
      </c>
      <c r="N1695" t="s">
        <v>40</v>
      </c>
      <c r="O1695" s="1">
        <v>42393.055555555555</v>
      </c>
      <c r="P1695" s="1">
        <v>42393.056944444441</v>
      </c>
    </row>
    <row r="1696" spans="1:16" x14ac:dyDescent="0.4">
      <c r="A1696">
        <v>2808</v>
      </c>
      <c r="B1696">
        <v>122624</v>
      </c>
      <c r="C1696" s="1">
        <v>42392</v>
      </c>
      <c r="D1696">
        <v>153</v>
      </c>
      <c r="E1696">
        <v>151</v>
      </c>
      <c r="F1696" t="s">
        <v>108</v>
      </c>
      <c r="G1696">
        <v>18</v>
      </c>
      <c r="H1696">
        <v>420</v>
      </c>
      <c r="I1696">
        <v>1</v>
      </c>
      <c r="J1696">
        <v>0</v>
      </c>
      <c r="K1696">
        <v>539631</v>
      </c>
      <c r="L1696">
        <v>539632</v>
      </c>
      <c r="M1696">
        <v>80</v>
      </c>
      <c r="N1696" t="s">
        <v>40</v>
      </c>
      <c r="O1696" s="1">
        <v>42393.214583333334</v>
      </c>
      <c r="P1696" s="1">
        <v>42393.228472222225</v>
      </c>
    </row>
    <row r="1697" spans="1:16" x14ac:dyDescent="0.4">
      <c r="A1697">
        <v>2809</v>
      </c>
      <c r="B1697">
        <v>122624</v>
      </c>
      <c r="C1697" s="1">
        <v>42392</v>
      </c>
      <c r="D1697">
        <v>180</v>
      </c>
      <c r="E1697">
        <v>299</v>
      </c>
      <c r="F1697" t="s">
        <v>305</v>
      </c>
      <c r="G1697">
        <v>18</v>
      </c>
      <c r="H1697">
        <v>350</v>
      </c>
      <c r="I1697">
        <v>1</v>
      </c>
      <c r="J1697">
        <v>0</v>
      </c>
      <c r="K1697">
        <v>539633</v>
      </c>
      <c r="L1697">
        <v>539634</v>
      </c>
      <c r="M1697">
        <v>80</v>
      </c>
      <c r="N1697" t="s">
        <v>40</v>
      </c>
      <c r="O1697" s="1">
        <v>42393.214583333334</v>
      </c>
      <c r="P1697" s="1">
        <v>42393.228472222225</v>
      </c>
    </row>
    <row r="1698" spans="1:16" x14ac:dyDescent="0.4">
      <c r="A1698">
        <v>2810</v>
      </c>
      <c r="B1698">
        <v>122691</v>
      </c>
      <c r="C1698" s="1">
        <v>42393</v>
      </c>
      <c r="D1698">
        <v>157</v>
      </c>
      <c r="E1698">
        <v>113</v>
      </c>
      <c r="F1698" t="s">
        <v>59</v>
      </c>
      <c r="G1698">
        <v>19</v>
      </c>
      <c r="H1698">
        <v>550</v>
      </c>
      <c r="I1698">
        <v>1</v>
      </c>
      <c r="J1698">
        <v>0</v>
      </c>
      <c r="K1698">
        <v>539847</v>
      </c>
      <c r="L1698">
        <v>539848</v>
      </c>
      <c r="M1698">
        <v>47</v>
      </c>
      <c r="O1698" s="1">
        <v>42393.819444444445</v>
      </c>
      <c r="P1698" s="1">
        <v>42393.820833333331</v>
      </c>
    </row>
    <row r="1699" spans="1:16" x14ac:dyDescent="0.4">
      <c r="A1699">
        <v>2811</v>
      </c>
      <c r="B1699">
        <v>122706</v>
      </c>
      <c r="C1699" s="1">
        <v>42393</v>
      </c>
      <c r="D1699">
        <v>88</v>
      </c>
      <c r="E1699">
        <v>69</v>
      </c>
      <c r="F1699" t="s">
        <v>55</v>
      </c>
      <c r="G1699">
        <v>2</v>
      </c>
      <c r="H1699">
        <v>400</v>
      </c>
      <c r="I1699">
        <v>1</v>
      </c>
      <c r="J1699">
        <v>0</v>
      </c>
      <c r="K1699">
        <v>539980</v>
      </c>
      <c r="L1699">
        <v>539981</v>
      </c>
      <c r="M1699">
        <v>40</v>
      </c>
      <c r="O1699" s="1">
        <v>42394.133333333331</v>
      </c>
      <c r="P1699" s="1">
        <v>42394.133333333331</v>
      </c>
    </row>
    <row r="1700" spans="1:16" x14ac:dyDescent="0.4">
      <c r="A1700">
        <v>2812</v>
      </c>
      <c r="B1700">
        <v>122868</v>
      </c>
      <c r="C1700" s="1">
        <v>42396</v>
      </c>
      <c r="D1700">
        <v>97</v>
      </c>
      <c r="E1700">
        <v>21</v>
      </c>
      <c r="F1700" t="s">
        <v>6</v>
      </c>
      <c r="G1700">
        <v>20</v>
      </c>
      <c r="H1700">
        <v>420</v>
      </c>
      <c r="I1700">
        <v>1</v>
      </c>
      <c r="J1700">
        <v>0</v>
      </c>
      <c r="K1700">
        <v>540634</v>
      </c>
      <c r="L1700">
        <v>540635</v>
      </c>
      <c r="M1700">
        <v>35</v>
      </c>
      <c r="O1700" s="1">
        <v>42396.84097222222</v>
      </c>
      <c r="P1700" s="1">
        <v>42396.840277777781</v>
      </c>
    </row>
    <row r="1701" spans="1:16" x14ac:dyDescent="0.4">
      <c r="A1701">
        <v>2813</v>
      </c>
      <c r="B1701">
        <v>122931</v>
      </c>
      <c r="C1701" s="1">
        <v>42397</v>
      </c>
      <c r="D1701">
        <v>125</v>
      </c>
      <c r="E1701">
        <v>126</v>
      </c>
      <c r="F1701" t="s">
        <v>8</v>
      </c>
      <c r="G1701">
        <v>20</v>
      </c>
      <c r="H1701">
        <v>380</v>
      </c>
      <c r="I1701">
        <v>1</v>
      </c>
      <c r="J1701">
        <v>0</v>
      </c>
      <c r="K1701">
        <v>540912</v>
      </c>
      <c r="L1701">
        <v>540913</v>
      </c>
      <c r="M1701">
        <v>101</v>
      </c>
      <c r="N1701" t="s">
        <v>306</v>
      </c>
      <c r="O1701" s="1">
        <v>42397.769444444442</v>
      </c>
      <c r="P1701" s="1">
        <v>42397.843055555553</v>
      </c>
    </row>
    <row r="1702" spans="1:16" x14ac:dyDescent="0.4">
      <c r="A1702">
        <v>2814</v>
      </c>
      <c r="B1702">
        <v>123075</v>
      </c>
      <c r="C1702" s="1">
        <v>42399</v>
      </c>
      <c r="D1702">
        <v>96</v>
      </c>
      <c r="E1702">
        <v>20</v>
      </c>
      <c r="F1702" t="s">
        <v>63</v>
      </c>
      <c r="G1702">
        <v>17</v>
      </c>
      <c r="H1702">
        <v>420</v>
      </c>
      <c r="I1702">
        <v>20</v>
      </c>
      <c r="J1702">
        <v>17</v>
      </c>
      <c r="K1702">
        <v>541490</v>
      </c>
      <c r="L1702">
        <v>541491</v>
      </c>
      <c r="M1702">
        <v>90</v>
      </c>
      <c r="N1702" t="s">
        <v>9</v>
      </c>
      <c r="O1702" s="1">
        <v>42399.642361111109</v>
      </c>
      <c r="P1702" s="1">
        <v>42399.648611111108</v>
      </c>
    </row>
    <row r="1703" spans="1:16" x14ac:dyDescent="0.4">
      <c r="A1703">
        <v>2815</v>
      </c>
      <c r="B1703">
        <v>123270</v>
      </c>
      <c r="C1703" s="1">
        <v>42401</v>
      </c>
      <c r="D1703">
        <v>90</v>
      </c>
      <c r="E1703">
        <v>71</v>
      </c>
      <c r="F1703" t="s">
        <v>91</v>
      </c>
      <c r="G1703">
        <v>4</v>
      </c>
      <c r="H1703">
        <v>400</v>
      </c>
      <c r="I1703">
        <v>2</v>
      </c>
      <c r="J1703">
        <v>0</v>
      </c>
      <c r="K1703">
        <v>542417</v>
      </c>
      <c r="L1703">
        <v>542418</v>
      </c>
      <c r="M1703">
        <v>94</v>
      </c>
      <c r="N1703" t="s">
        <v>40</v>
      </c>
      <c r="O1703" s="1">
        <v>42401.931944444441</v>
      </c>
      <c r="P1703" s="1">
        <v>42401.942361111112</v>
      </c>
    </row>
    <row r="1704" spans="1:16" x14ac:dyDescent="0.4">
      <c r="A1704">
        <v>2816</v>
      </c>
      <c r="B1704">
        <v>123270</v>
      </c>
      <c r="C1704" s="1">
        <v>42401</v>
      </c>
      <c r="D1704">
        <v>90</v>
      </c>
      <c r="E1704">
        <v>71</v>
      </c>
      <c r="F1704" t="s">
        <v>91</v>
      </c>
      <c r="G1704">
        <v>4</v>
      </c>
      <c r="H1704">
        <v>400</v>
      </c>
      <c r="I1704">
        <v>2</v>
      </c>
      <c r="J1704">
        <v>0</v>
      </c>
      <c r="K1704">
        <v>542419</v>
      </c>
      <c r="L1704">
        <v>542420</v>
      </c>
      <c r="M1704">
        <v>94</v>
      </c>
      <c r="N1704" t="s">
        <v>40</v>
      </c>
      <c r="O1704" s="1">
        <v>42401.940972222219</v>
      </c>
      <c r="P1704" s="1">
        <v>42401.942361111112</v>
      </c>
    </row>
    <row r="1705" spans="1:16" x14ac:dyDescent="0.4">
      <c r="A1705">
        <v>2817</v>
      </c>
      <c r="B1705">
        <v>123536</v>
      </c>
      <c r="C1705" s="1">
        <v>42405</v>
      </c>
      <c r="D1705">
        <v>280</v>
      </c>
      <c r="E1705">
        <v>1266</v>
      </c>
      <c r="F1705" t="s">
        <v>13</v>
      </c>
      <c r="G1705">
        <v>9</v>
      </c>
      <c r="H1705">
        <v>680</v>
      </c>
      <c r="I1705">
        <v>1</v>
      </c>
      <c r="J1705">
        <v>0</v>
      </c>
      <c r="K1705">
        <v>543556</v>
      </c>
      <c r="L1705">
        <v>543557</v>
      </c>
      <c r="M1705">
        <v>94</v>
      </c>
      <c r="N1705" t="s">
        <v>40</v>
      </c>
      <c r="O1705" s="1">
        <v>42406.065972222219</v>
      </c>
      <c r="P1705" s="1">
        <v>42406.067361111112</v>
      </c>
    </row>
    <row r="1706" spans="1:16" x14ac:dyDescent="0.4">
      <c r="A1706">
        <v>2818</v>
      </c>
      <c r="B1706">
        <v>123534</v>
      </c>
      <c r="C1706" s="1">
        <v>42405</v>
      </c>
      <c r="D1706">
        <v>186</v>
      </c>
      <c r="E1706">
        <v>225</v>
      </c>
      <c r="F1706" t="s">
        <v>34</v>
      </c>
      <c r="G1706">
        <v>11</v>
      </c>
      <c r="H1706">
        <v>350</v>
      </c>
      <c r="I1706">
        <v>3</v>
      </c>
      <c r="J1706">
        <v>0</v>
      </c>
      <c r="K1706">
        <v>543579</v>
      </c>
      <c r="L1706">
        <v>543580</v>
      </c>
      <c r="M1706">
        <v>94</v>
      </c>
      <c r="N1706" t="s">
        <v>40</v>
      </c>
      <c r="O1706" s="1">
        <v>42406.043749999997</v>
      </c>
      <c r="P1706" s="1">
        <v>42406.094444444447</v>
      </c>
    </row>
    <row r="1707" spans="1:16" x14ac:dyDescent="0.4">
      <c r="A1707">
        <v>2819</v>
      </c>
      <c r="B1707">
        <v>123534</v>
      </c>
      <c r="C1707" s="1">
        <v>42405</v>
      </c>
      <c r="D1707">
        <v>186</v>
      </c>
      <c r="E1707">
        <v>225</v>
      </c>
      <c r="F1707" t="s">
        <v>34</v>
      </c>
      <c r="G1707">
        <v>11</v>
      </c>
      <c r="H1707">
        <v>350</v>
      </c>
      <c r="I1707">
        <v>1</v>
      </c>
      <c r="J1707">
        <v>0</v>
      </c>
      <c r="K1707">
        <v>543581</v>
      </c>
      <c r="L1707">
        <v>543582</v>
      </c>
      <c r="M1707">
        <v>94</v>
      </c>
      <c r="N1707" t="s">
        <v>40</v>
      </c>
      <c r="O1707" s="1">
        <v>42406.065972222219</v>
      </c>
      <c r="P1707" s="1">
        <v>42406.094444444447</v>
      </c>
    </row>
    <row r="1708" spans="1:16" x14ac:dyDescent="0.4">
      <c r="A1708">
        <v>2820</v>
      </c>
      <c r="B1708">
        <v>123534</v>
      </c>
      <c r="C1708" s="1">
        <v>42405</v>
      </c>
      <c r="D1708">
        <v>88</v>
      </c>
      <c r="E1708">
        <v>69</v>
      </c>
      <c r="F1708" t="s">
        <v>55</v>
      </c>
      <c r="G1708">
        <v>11</v>
      </c>
      <c r="H1708">
        <v>400</v>
      </c>
      <c r="I1708">
        <v>1</v>
      </c>
      <c r="J1708">
        <v>0</v>
      </c>
      <c r="K1708">
        <v>543583</v>
      </c>
      <c r="L1708">
        <v>543584</v>
      </c>
      <c r="M1708">
        <v>94</v>
      </c>
      <c r="N1708" t="s">
        <v>40</v>
      </c>
      <c r="O1708" s="1">
        <v>42406.043749999997</v>
      </c>
      <c r="P1708" s="1">
        <v>42406.094444444447</v>
      </c>
    </row>
    <row r="1709" spans="1:16" x14ac:dyDescent="0.4">
      <c r="A1709">
        <v>2821</v>
      </c>
      <c r="B1709">
        <v>123568</v>
      </c>
      <c r="C1709" s="1">
        <v>42406</v>
      </c>
      <c r="D1709">
        <v>280</v>
      </c>
      <c r="E1709">
        <v>1266</v>
      </c>
      <c r="F1709" t="s">
        <v>13</v>
      </c>
      <c r="G1709">
        <v>15</v>
      </c>
      <c r="H1709">
        <v>680</v>
      </c>
      <c r="I1709">
        <v>1</v>
      </c>
      <c r="J1709">
        <v>0</v>
      </c>
      <c r="K1709">
        <v>543738</v>
      </c>
      <c r="L1709">
        <v>543739</v>
      </c>
      <c r="M1709">
        <v>90</v>
      </c>
      <c r="N1709" t="s">
        <v>9</v>
      </c>
      <c r="O1709" s="1">
        <v>42406.605555555558</v>
      </c>
      <c r="P1709" s="1">
        <v>42406.606944444444</v>
      </c>
    </row>
    <row r="1710" spans="1:16" x14ac:dyDescent="0.4">
      <c r="A1710">
        <v>2822</v>
      </c>
      <c r="B1710">
        <v>123797</v>
      </c>
      <c r="C1710" s="1">
        <v>42409</v>
      </c>
      <c r="D1710">
        <v>149</v>
      </c>
      <c r="E1710">
        <v>121</v>
      </c>
      <c r="F1710" t="s">
        <v>52</v>
      </c>
      <c r="G1710">
        <v>13</v>
      </c>
      <c r="H1710">
        <v>450</v>
      </c>
      <c r="I1710">
        <v>1</v>
      </c>
      <c r="J1710">
        <v>0</v>
      </c>
      <c r="K1710">
        <v>544841</v>
      </c>
      <c r="L1710">
        <v>544842</v>
      </c>
      <c r="M1710">
        <v>95</v>
      </c>
      <c r="N1710" t="s">
        <v>3</v>
      </c>
      <c r="O1710" s="1">
        <v>42409.570138888892</v>
      </c>
      <c r="P1710" s="1">
        <v>42409.579861111109</v>
      </c>
    </row>
    <row r="1711" spans="1:16" x14ac:dyDescent="0.4">
      <c r="A1711">
        <v>2823</v>
      </c>
      <c r="B1711">
        <v>123827</v>
      </c>
      <c r="C1711" s="1">
        <v>42409</v>
      </c>
      <c r="D1711">
        <v>157</v>
      </c>
      <c r="E1711">
        <v>113</v>
      </c>
      <c r="F1711" t="s">
        <v>59</v>
      </c>
      <c r="G1711">
        <v>15</v>
      </c>
      <c r="H1711">
        <v>550</v>
      </c>
      <c r="I1711">
        <v>1</v>
      </c>
      <c r="J1711">
        <v>0</v>
      </c>
      <c r="K1711">
        <v>544930</v>
      </c>
      <c r="L1711">
        <v>544931</v>
      </c>
      <c r="M1711">
        <v>102</v>
      </c>
      <c r="N1711" t="s">
        <v>27</v>
      </c>
      <c r="O1711" s="1">
        <v>42409.790277777778</v>
      </c>
      <c r="P1711" s="1">
        <v>42409.790972222225</v>
      </c>
    </row>
    <row r="1712" spans="1:16" x14ac:dyDescent="0.4">
      <c r="A1712">
        <v>2824</v>
      </c>
      <c r="B1712">
        <v>123839</v>
      </c>
      <c r="C1712" s="1">
        <v>42409</v>
      </c>
      <c r="D1712">
        <v>92</v>
      </c>
      <c r="E1712">
        <v>73</v>
      </c>
      <c r="F1712" t="s">
        <v>120</v>
      </c>
      <c r="G1712">
        <v>13</v>
      </c>
      <c r="H1712">
        <v>480</v>
      </c>
      <c r="I1712">
        <v>1</v>
      </c>
      <c r="J1712">
        <v>0</v>
      </c>
      <c r="K1712">
        <v>545101</v>
      </c>
      <c r="L1712">
        <v>545102</v>
      </c>
      <c r="M1712">
        <v>74</v>
      </c>
      <c r="N1712" t="s">
        <v>56</v>
      </c>
      <c r="O1712" s="1">
        <v>42410.084722222222</v>
      </c>
      <c r="P1712" s="1">
        <v>42410.23541666667</v>
      </c>
    </row>
    <row r="1713" spans="1:16" x14ac:dyDescent="0.4">
      <c r="A1713">
        <v>2825</v>
      </c>
      <c r="B1713">
        <v>123839</v>
      </c>
      <c r="C1713" s="1">
        <v>42409</v>
      </c>
      <c r="D1713">
        <v>88</v>
      </c>
      <c r="E1713">
        <v>69</v>
      </c>
      <c r="F1713" t="s">
        <v>55</v>
      </c>
      <c r="G1713">
        <v>13</v>
      </c>
      <c r="H1713">
        <v>400</v>
      </c>
      <c r="I1713">
        <v>1</v>
      </c>
      <c r="J1713">
        <v>0</v>
      </c>
      <c r="K1713">
        <v>545103</v>
      </c>
      <c r="L1713">
        <v>545104</v>
      </c>
      <c r="M1713">
        <v>74</v>
      </c>
      <c r="N1713" t="s">
        <v>56</v>
      </c>
      <c r="O1713" s="1">
        <v>42410.084722222222</v>
      </c>
      <c r="P1713" s="1">
        <v>42410.23541666667</v>
      </c>
    </row>
    <row r="1714" spans="1:16" x14ac:dyDescent="0.4">
      <c r="A1714">
        <v>2826</v>
      </c>
      <c r="B1714">
        <v>123896</v>
      </c>
      <c r="C1714" s="1">
        <v>42410</v>
      </c>
      <c r="D1714">
        <v>57</v>
      </c>
      <c r="E1714">
        <v>30</v>
      </c>
      <c r="F1714" t="s">
        <v>60</v>
      </c>
      <c r="G1714">
        <v>1</v>
      </c>
      <c r="H1714">
        <v>320</v>
      </c>
      <c r="I1714">
        <v>1</v>
      </c>
      <c r="J1714">
        <v>0</v>
      </c>
      <c r="K1714">
        <v>545370</v>
      </c>
      <c r="L1714">
        <v>545371</v>
      </c>
      <c r="M1714">
        <v>103</v>
      </c>
      <c r="N1714" t="s">
        <v>307</v>
      </c>
      <c r="O1714" s="1">
        <v>42411.072916666664</v>
      </c>
      <c r="P1714" s="1">
        <v>42411.106249999997</v>
      </c>
    </row>
    <row r="1715" spans="1:16" x14ac:dyDescent="0.4">
      <c r="A1715">
        <v>2827</v>
      </c>
      <c r="B1715">
        <v>123896</v>
      </c>
      <c r="C1715" s="1">
        <v>42410</v>
      </c>
      <c r="D1715">
        <v>186</v>
      </c>
      <c r="E1715">
        <v>225</v>
      </c>
      <c r="F1715" t="s">
        <v>34</v>
      </c>
      <c r="G1715">
        <v>1</v>
      </c>
      <c r="H1715">
        <v>350</v>
      </c>
      <c r="I1715">
        <v>2</v>
      </c>
      <c r="J1715">
        <v>0</v>
      </c>
      <c r="K1715">
        <v>545372</v>
      </c>
      <c r="L1715">
        <v>545373</v>
      </c>
      <c r="M1715">
        <v>103</v>
      </c>
      <c r="N1715" t="s">
        <v>307</v>
      </c>
      <c r="O1715" s="1">
        <v>42411.087500000001</v>
      </c>
      <c r="P1715" s="1">
        <v>42411.106249999997</v>
      </c>
    </row>
    <row r="1716" spans="1:16" x14ac:dyDescent="0.4">
      <c r="A1716">
        <v>2828</v>
      </c>
      <c r="B1716">
        <v>123896</v>
      </c>
      <c r="C1716" s="1">
        <v>42410</v>
      </c>
      <c r="D1716">
        <v>186</v>
      </c>
      <c r="E1716">
        <v>225</v>
      </c>
      <c r="F1716" t="s">
        <v>34</v>
      </c>
      <c r="G1716">
        <v>1</v>
      </c>
      <c r="H1716">
        <v>350</v>
      </c>
      <c r="I1716">
        <v>2</v>
      </c>
      <c r="J1716">
        <v>0</v>
      </c>
      <c r="K1716">
        <v>545374</v>
      </c>
      <c r="L1716">
        <v>545375</v>
      </c>
      <c r="M1716">
        <v>103</v>
      </c>
      <c r="N1716" t="s">
        <v>307</v>
      </c>
      <c r="O1716" s="1">
        <v>42411.072916666664</v>
      </c>
      <c r="P1716" s="1">
        <v>42411.106249999997</v>
      </c>
    </row>
    <row r="1717" spans="1:16" x14ac:dyDescent="0.4">
      <c r="A1717">
        <v>2829</v>
      </c>
      <c r="B1717">
        <v>123896</v>
      </c>
      <c r="C1717" s="1">
        <v>42410</v>
      </c>
      <c r="D1717">
        <v>186</v>
      </c>
      <c r="E1717">
        <v>225</v>
      </c>
      <c r="F1717" t="s">
        <v>34</v>
      </c>
      <c r="G1717">
        <v>1</v>
      </c>
      <c r="H1717">
        <v>350</v>
      </c>
      <c r="I1717">
        <v>3</v>
      </c>
      <c r="J1717">
        <v>0</v>
      </c>
      <c r="K1717">
        <v>545376</v>
      </c>
      <c r="L1717">
        <v>545377</v>
      </c>
      <c r="M1717">
        <v>103</v>
      </c>
      <c r="N1717" t="s">
        <v>307</v>
      </c>
      <c r="O1717" s="1">
        <v>42411.106249999997</v>
      </c>
      <c r="P1717" s="1">
        <v>42411.106249999997</v>
      </c>
    </row>
    <row r="1718" spans="1:16" x14ac:dyDescent="0.4">
      <c r="A1718">
        <v>2830</v>
      </c>
      <c r="B1718">
        <v>123977</v>
      </c>
      <c r="C1718" s="1">
        <v>42411</v>
      </c>
      <c r="D1718">
        <v>57</v>
      </c>
      <c r="E1718">
        <v>30</v>
      </c>
      <c r="F1718" t="s">
        <v>60</v>
      </c>
      <c r="G1718">
        <v>3</v>
      </c>
      <c r="H1718">
        <v>320</v>
      </c>
      <c r="I1718">
        <v>1</v>
      </c>
      <c r="J1718">
        <v>0</v>
      </c>
      <c r="K1718">
        <v>545707</v>
      </c>
      <c r="L1718">
        <v>545708</v>
      </c>
      <c r="M1718">
        <v>99</v>
      </c>
      <c r="N1718" t="s">
        <v>308</v>
      </c>
      <c r="O1718" s="1">
        <v>42411.986805555556</v>
      </c>
      <c r="P1718" s="1">
        <v>42412.052083333336</v>
      </c>
    </row>
    <row r="1719" spans="1:16" x14ac:dyDescent="0.4">
      <c r="A1719">
        <v>2831</v>
      </c>
      <c r="B1719">
        <v>123977</v>
      </c>
      <c r="C1719" s="1">
        <v>42411</v>
      </c>
      <c r="D1719">
        <v>109</v>
      </c>
      <c r="E1719">
        <v>80</v>
      </c>
      <c r="F1719" t="s">
        <v>186</v>
      </c>
      <c r="G1719">
        <v>3</v>
      </c>
      <c r="H1719">
        <v>400</v>
      </c>
      <c r="I1719">
        <v>1</v>
      </c>
      <c r="J1719">
        <v>0</v>
      </c>
      <c r="K1719">
        <v>545709</v>
      </c>
      <c r="L1719">
        <v>545710</v>
      </c>
      <c r="M1719">
        <v>99</v>
      </c>
      <c r="N1719" t="s">
        <v>308</v>
      </c>
      <c r="O1719" s="1">
        <v>42412.023611111108</v>
      </c>
      <c r="P1719" s="1">
        <v>42412.052083333336</v>
      </c>
    </row>
    <row r="1720" spans="1:16" x14ac:dyDescent="0.4">
      <c r="A1720">
        <v>2832</v>
      </c>
      <c r="B1720">
        <v>123977</v>
      </c>
      <c r="C1720" s="1">
        <v>42411</v>
      </c>
      <c r="D1720">
        <v>109</v>
      </c>
      <c r="E1720">
        <v>80</v>
      </c>
      <c r="F1720" t="s">
        <v>186</v>
      </c>
      <c r="G1720">
        <v>3</v>
      </c>
      <c r="H1720">
        <v>400</v>
      </c>
      <c r="I1720">
        <v>1</v>
      </c>
      <c r="J1720">
        <v>0</v>
      </c>
      <c r="K1720">
        <v>545711</v>
      </c>
      <c r="L1720">
        <v>545712</v>
      </c>
      <c r="M1720">
        <v>99</v>
      </c>
      <c r="N1720" t="s">
        <v>308</v>
      </c>
      <c r="O1720" s="1">
        <v>42411.986805555556</v>
      </c>
      <c r="P1720" s="1">
        <v>42412.052083333336</v>
      </c>
    </row>
    <row r="1721" spans="1:16" x14ac:dyDescent="0.4">
      <c r="A1721">
        <v>2833</v>
      </c>
      <c r="B1721">
        <v>123977</v>
      </c>
      <c r="C1721" s="1">
        <v>42411</v>
      </c>
      <c r="D1721">
        <v>109</v>
      </c>
      <c r="E1721">
        <v>80</v>
      </c>
      <c r="F1721" t="s">
        <v>186</v>
      </c>
      <c r="G1721">
        <v>3</v>
      </c>
      <c r="H1721">
        <v>400</v>
      </c>
      <c r="I1721">
        <v>1</v>
      </c>
      <c r="J1721">
        <v>0</v>
      </c>
      <c r="K1721">
        <v>545713</v>
      </c>
      <c r="L1721">
        <v>545714</v>
      </c>
      <c r="M1721">
        <v>99</v>
      </c>
      <c r="N1721" t="s">
        <v>308</v>
      </c>
      <c r="O1721" s="1">
        <v>42412.052083333336</v>
      </c>
      <c r="P1721" s="1">
        <v>42412.052083333336</v>
      </c>
    </row>
    <row r="1722" spans="1:16" x14ac:dyDescent="0.4">
      <c r="A1722">
        <v>2834</v>
      </c>
      <c r="B1722">
        <v>123977</v>
      </c>
      <c r="C1722" s="1">
        <v>42411</v>
      </c>
      <c r="D1722">
        <v>57</v>
      </c>
      <c r="E1722">
        <v>30</v>
      </c>
      <c r="F1722" t="s">
        <v>60</v>
      </c>
      <c r="G1722">
        <v>3</v>
      </c>
      <c r="H1722">
        <v>320</v>
      </c>
      <c r="I1722">
        <v>1</v>
      </c>
      <c r="J1722">
        <v>0</v>
      </c>
      <c r="K1722">
        <v>545715</v>
      </c>
      <c r="L1722">
        <v>545716</v>
      </c>
      <c r="M1722">
        <v>99</v>
      </c>
      <c r="N1722" t="s">
        <v>308</v>
      </c>
      <c r="O1722" s="1">
        <v>42412.023611111108</v>
      </c>
      <c r="P1722" s="1">
        <v>42412.052083333336</v>
      </c>
    </row>
    <row r="1723" spans="1:16" x14ac:dyDescent="0.4">
      <c r="A1723">
        <v>2835</v>
      </c>
      <c r="B1723">
        <v>123977</v>
      </c>
      <c r="C1723" s="1">
        <v>42411</v>
      </c>
      <c r="D1723">
        <v>57</v>
      </c>
      <c r="E1723">
        <v>30</v>
      </c>
      <c r="F1723" t="s">
        <v>60</v>
      </c>
      <c r="G1723">
        <v>3</v>
      </c>
      <c r="H1723">
        <v>320</v>
      </c>
      <c r="I1723">
        <v>1</v>
      </c>
      <c r="J1723">
        <v>0</v>
      </c>
      <c r="K1723">
        <v>545717</v>
      </c>
      <c r="L1723">
        <v>545718</v>
      </c>
      <c r="M1723">
        <v>99</v>
      </c>
      <c r="N1723" t="s">
        <v>308</v>
      </c>
      <c r="O1723" s="1">
        <v>42412.052083333336</v>
      </c>
      <c r="P1723" s="1">
        <v>42412.052083333336</v>
      </c>
    </row>
    <row r="1724" spans="1:16" x14ac:dyDescent="0.4">
      <c r="A1724">
        <v>2836</v>
      </c>
      <c r="B1724">
        <v>124055</v>
      </c>
      <c r="C1724" s="1">
        <v>42412</v>
      </c>
      <c r="D1724">
        <v>160</v>
      </c>
      <c r="E1724">
        <v>114</v>
      </c>
      <c r="F1724" t="s">
        <v>106</v>
      </c>
      <c r="G1724">
        <v>7</v>
      </c>
      <c r="H1724">
        <v>550</v>
      </c>
      <c r="I1724">
        <v>1</v>
      </c>
      <c r="J1724">
        <v>0</v>
      </c>
      <c r="K1724">
        <v>546139</v>
      </c>
      <c r="L1724">
        <v>546140</v>
      </c>
      <c r="M1724">
        <v>94</v>
      </c>
      <c r="N1724" t="s">
        <v>40</v>
      </c>
      <c r="O1724" s="1">
        <v>42413.127083333333</v>
      </c>
      <c r="P1724" s="1">
        <v>42413.1875</v>
      </c>
    </row>
    <row r="1725" spans="1:16" x14ac:dyDescent="0.4">
      <c r="A1725">
        <v>2837</v>
      </c>
      <c r="B1725">
        <v>124103</v>
      </c>
      <c r="C1725" s="1">
        <v>42413</v>
      </c>
      <c r="D1725">
        <v>207</v>
      </c>
      <c r="E1725">
        <v>420</v>
      </c>
      <c r="F1725" t="s">
        <v>90</v>
      </c>
      <c r="G1725">
        <v>1</v>
      </c>
      <c r="H1725">
        <v>320</v>
      </c>
      <c r="I1725">
        <v>1</v>
      </c>
      <c r="J1725">
        <v>0</v>
      </c>
      <c r="K1725">
        <v>546378</v>
      </c>
      <c r="L1725">
        <v>546379</v>
      </c>
      <c r="M1725">
        <v>1</v>
      </c>
      <c r="N1725" t="s">
        <v>12</v>
      </c>
      <c r="O1725" s="1">
        <v>42413.90347222222</v>
      </c>
      <c r="P1725" s="1">
        <v>42413.90347222222</v>
      </c>
    </row>
    <row r="1726" spans="1:16" x14ac:dyDescent="0.4">
      <c r="A1726">
        <v>2838</v>
      </c>
      <c r="B1726">
        <v>124122</v>
      </c>
      <c r="C1726" s="1">
        <v>42413</v>
      </c>
      <c r="D1726">
        <v>243</v>
      </c>
      <c r="E1726">
        <v>2299</v>
      </c>
      <c r="F1726" t="s">
        <v>219</v>
      </c>
      <c r="G1726">
        <v>17</v>
      </c>
      <c r="H1726">
        <v>350</v>
      </c>
      <c r="I1726">
        <v>1</v>
      </c>
      <c r="J1726">
        <v>0</v>
      </c>
      <c r="K1726">
        <v>546582</v>
      </c>
      <c r="L1726">
        <v>546583</v>
      </c>
      <c r="M1726">
        <v>94</v>
      </c>
      <c r="N1726" t="s">
        <v>40</v>
      </c>
      <c r="O1726" s="1">
        <v>42414.032638888886</v>
      </c>
      <c r="P1726" s="1">
        <v>42414.03402777778</v>
      </c>
    </row>
    <row r="1727" spans="1:16" x14ac:dyDescent="0.4">
      <c r="A1727">
        <v>2839</v>
      </c>
      <c r="B1727">
        <v>124122</v>
      </c>
      <c r="C1727" s="1">
        <v>42413</v>
      </c>
      <c r="D1727">
        <v>82</v>
      </c>
      <c r="E1727">
        <v>63</v>
      </c>
      <c r="F1727" t="s">
        <v>169</v>
      </c>
      <c r="G1727">
        <v>17</v>
      </c>
      <c r="H1727">
        <v>0</v>
      </c>
      <c r="I1727">
        <v>1</v>
      </c>
      <c r="J1727">
        <v>0</v>
      </c>
      <c r="K1727">
        <v>546584</v>
      </c>
      <c r="L1727">
        <v>546585</v>
      </c>
      <c r="M1727">
        <v>94</v>
      </c>
      <c r="N1727" t="s">
        <v>40</v>
      </c>
      <c r="O1727" s="1">
        <v>42414.004861111112</v>
      </c>
      <c r="P1727" s="1">
        <v>42414.03402777778</v>
      </c>
    </row>
    <row r="1728" spans="1:16" x14ac:dyDescent="0.4">
      <c r="A1728">
        <v>2840</v>
      </c>
      <c r="B1728">
        <v>124122</v>
      </c>
      <c r="C1728" s="1">
        <v>42413</v>
      </c>
      <c r="D1728">
        <v>300</v>
      </c>
      <c r="E1728">
        <v>1433</v>
      </c>
      <c r="F1728" t="s">
        <v>302</v>
      </c>
      <c r="G1728">
        <v>17</v>
      </c>
      <c r="H1728">
        <v>420</v>
      </c>
      <c r="I1728">
        <v>1</v>
      </c>
      <c r="J1728">
        <v>0</v>
      </c>
      <c r="K1728">
        <v>546586</v>
      </c>
      <c r="L1728">
        <v>546587</v>
      </c>
      <c r="M1728">
        <v>94</v>
      </c>
      <c r="N1728" t="s">
        <v>40</v>
      </c>
      <c r="O1728" s="1">
        <v>42414.032638888886</v>
      </c>
      <c r="P1728" s="1">
        <v>42414.03402777778</v>
      </c>
    </row>
    <row r="1729" spans="1:16" x14ac:dyDescent="0.4">
      <c r="A1729">
        <v>2841</v>
      </c>
      <c r="B1729">
        <v>124223</v>
      </c>
      <c r="C1729" s="1">
        <v>42414</v>
      </c>
      <c r="D1729">
        <v>9</v>
      </c>
      <c r="E1729">
        <v>101</v>
      </c>
      <c r="F1729" t="s">
        <v>54</v>
      </c>
      <c r="G1729">
        <v>6</v>
      </c>
      <c r="H1729">
        <v>420</v>
      </c>
      <c r="I1729">
        <v>1</v>
      </c>
      <c r="J1729">
        <v>0</v>
      </c>
      <c r="K1729">
        <v>547070</v>
      </c>
      <c r="L1729">
        <v>547071</v>
      </c>
      <c r="M1729">
        <v>97</v>
      </c>
      <c r="N1729" t="s">
        <v>17</v>
      </c>
      <c r="O1729" s="1">
        <v>42415.090277777781</v>
      </c>
      <c r="P1729" s="1">
        <v>42415.245833333334</v>
      </c>
    </row>
    <row r="1730" spans="1:16" x14ac:dyDescent="0.4">
      <c r="A1730">
        <v>2842</v>
      </c>
      <c r="B1730">
        <v>124223</v>
      </c>
      <c r="C1730" s="1">
        <v>42414</v>
      </c>
      <c r="D1730">
        <v>142</v>
      </c>
      <c r="E1730">
        <v>125</v>
      </c>
      <c r="F1730" t="s">
        <v>31</v>
      </c>
      <c r="G1730">
        <v>6</v>
      </c>
      <c r="H1730">
        <v>350</v>
      </c>
      <c r="I1730">
        <v>1</v>
      </c>
      <c r="J1730">
        <v>0</v>
      </c>
      <c r="K1730">
        <v>547072</v>
      </c>
      <c r="L1730">
        <v>547073</v>
      </c>
      <c r="M1730">
        <v>97</v>
      </c>
      <c r="N1730" t="s">
        <v>17</v>
      </c>
      <c r="O1730" s="1">
        <v>42415.090277777781</v>
      </c>
      <c r="P1730" s="1">
        <v>42415.245833333334</v>
      </c>
    </row>
    <row r="1731" spans="1:16" x14ac:dyDescent="0.4">
      <c r="A1731">
        <v>2843</v>
      </c>
      <c r="B1731">
        <v>124223</v>
      </c>
      <c r="C1731" s="1">
        <v>42414</v>
      </c>
      <c r="D1731">
        <v>213</v>
      </c>
      <c r="E1731">
        <v>211</v>
      </c>
      <c r="F1731" t="s">
        <v>46</v>
      </c>
      <c r="G1731">
        <v>6</v>
      </c>
      <c r="H1731">
        <v>0</v>
      </c>
      <c r="I1731">
        <v>2</v>
      </c>
      <c r="J1731">
        <v>0</v>
      </c>
      <c r="K1731">
        <v>547074</v>
      </c>
      <c r="L1731">
        <v>547075</v>
      </c>
      <c r="M1731">
        <v>97</v>
      </c>
      <c r="N1731" t="s">
        <v>17</v>
      </c>
      <c r="O1731" s="1">
        <v>42415.109722222223</v>
      </c>
      <c r="P1731" s="1">
        <v>42415.245833333334</v>
      </c>
    </row>
    <row r="1732" spans="1:16" x14ac:dyDescent="0.4">
      <c r="A1732">
        <v>2844</v>
      </c>
      <c r="B1732">
        <v>124223</v>
      </c>
      <c r="C1732" s="1">
        <v>42414</v>
      </c>
      <c r="D1732">
        <v>125</v>
      </c>
      <c r="E1732">
        <v>126</v>
      </c>
      <c r="F1732" t="s">
        <v>8</v>
      </c>
      <c r="G1732">
        <v>6</v>
      </c>
      <c r="H1732">
        <v>380</v>
      </c>
      <c r="I1732">
        <v>1</v>
      </c>
      <c r="J1732">
        <v>0</v>
      </c>
      <c r="K1732">
        <v>547076</v>
      </c>
      <c r="L1732">
        <v>547077</v>
      </c>
      <c r="M1732">
        <v>97</v>
      </c>
      <c r="N1732" t="s">
        <v>17</v>
      </c>
      <c r="O1732" s="1">
        <v>42415.090277777781</v>
      </c>
      <c r="P1732" s="1">
        <v>42415.245833333334</v>
      </c>
    </row>
    <row r="1733" spans="1:16" x14ac:dyDescent="0.4">
      <c r="A1733">
        <v>2845</v>
      </c>
      <c r="B1733">
        <v>124223</v>
      </c>
      <c r="C1733" s="1">
        <v>42414</v>
      </c>
      <c r="D1733">
        <v>146</v>
      </c>
      <c r="E1733">
        <v>131</v>
      </c>
      <c r="F1733" t="s">
        <v>41</v>
      </c>
      <c r="G1733">
        <v>6</v>
      </c>
      <c r="H1733">
        <v>450</v>
      </c>
      <c r="I1733">
        <v>1</v>
      </c>
      <c r="J1733">
        <v>0</v>
      </c>
      <c r="K1733">
        <v>547078</v>
      </c>
      <c r="L1733">
        <v>547079</v>
      </c>
      <c r="M1733">
        <v>97</v>
      </c>
      <c r="N1733" t="s">
        <v>17</v>
      </c>
      <c r="O1733" s="1">
        <v>42415.090277777781</v>
      </c>
      <c r="P1733" s="1">
        <v>42415.245833333334</v>
      </c>
    </row>
    <row r="1734" spans="1:16" x14ac:dyDescent="0.4">
      <c r="A1734">
        <v>2846</v>
      </c>
      <c r="B1734">
        <v>124223</v>
      </c>
      <c r="C1734" s="1">
        <v>42414</v>
      </c>
      <c r="D1734">
        <v>146</v>
      </c>
      <c r="E1734">
        <v>131</v>
      </c>
      <c r="F1734" t="s">
        <v>41</v>
      </c>
      <c r="G1734">
        <v>6</v>
      </c>
      <c r="H1734">
        <v>450</v>
      </c>
      <c r="I1734">
        <v>1</v>
      </c>
      <c r="J1734">
        <v>0</v>
      </c>
      <c r="K1734">
        <v>547080</v>
      </c>
      <c r="L1734">
        <v>547081</v>
      </c>
      <c r="M1734">
        <v>97</v>
      </c>
      <c r="N1734" t="s">
        <v>17</v>
      </c>
      <c r="O1734" s="1">
        <v>42415.143750000003</v>
      </c>
      <c r="P1734" s="1">
        <v>42415.245833333334</v>
      </c>
    </row>
    <row r="1735" spans="1:16" x14ac:dyDescent="0.4">
      <c r="A1735">
        <v>2847</v>
      </c>
      <c r="B1735">
        <v>124243</v>
      </c>
      <c r="C1735" s="1">
        <v>42415</v>
      </c>
      <c r="D1735">
        <v>142</v>
      </c>
      <c r="E1735">
        <v>125</v>
      </c>
      <c r="F1735" t="s">
        <v>31</v>
      </c>
      <c r="G1735">
        <v>17</v>
      </c>
      <c r="H1735">
        <v>350</v>
      </c>
      <c r="I1735">
        <v>1</v>
      </c>
      <c r="J1735">
        <v>0</v>
      </c>
      <c r="K1735">
        <v>547160</v>
      </c>
      <c r="L1735">
        <v>547161</v>
      </c>
      <c r="M1735">
        <v>85</v>
      </c>
      <c r="N1735" t="s">
        <v>295</v>
      </c>
      <c r="O1735" s="1">
        <v>42415.619444444441</v>
      </c>
      <c r="P1735" s="1">
        <v>42415.675694444442</v>
      </c>
    </row>
    <row r="1736" spans="1:16" x14ac:dyDescent="0.4">
      <c r="A1736">
        <v>2848</v>
      </c>
      <c r="B1736">
        <v>124345</v>
      </c>
      <c r="C1736" s="1">
        <v>42416</v>
      </c>
      <c r="D1736">
        <v>175</v>
      </c>
      <c r="E1736">
        <v>109</v>
      </c>
      <c r="F1736" t="s">
        <v>144</v>
      </c>
      <c r="G1736">
        <v>13</v>
      </c>
      <c r="H1736">
        <v>300</v>
      </c>
      <c r="I1736">
        <v>1</v>
      </c>
      <c r="J1736">
        <v>0</v>
      </c>
      <c r="K1736">
        <v>547566</v>
      </c>
      <c r="L1736">
        <v>547567</v>
      </c>
      <c r="M1736">
        <v>91</v>
      </c>
      <c r="N1736" t="s">
        <v>24</v>
      </c>
      <c r="O1736" s="1">
        <v>42417.079861111109</v>
      </c>
      <c r="P1736" s="1">
        <v>42417.083333333336</v>
      </c>
    </row>
    <row r="1737" spans="1:16" x14ac:dyDescent="0.4">
      <c r="A1737">
        <v>2849</v>
      </c>
      <c r="B1737">
        <v>124345</v>
      </c>
      <c r="C1737" s="1">
        <v>42416</v>
      </c>
      <c r="D1737">
        <v>142</v>
      </c>
      <c r="E1737">
        <v>125</v>
      </c>
      <c r="F1737" t="s">
        <v>31</v>
      </c>
      <c r="G1737">
        <v>13</v>
      </c>
      <c r="H1737">
        <v>350</v>
      </c>
      <c r="I1737">
        <v>1</v>
      </c>
      <c r="J1737">
        <v>0</v>
      </c>
      <c r="K1737">
        <v>547568</v>
      </c>
      <c r="L1737">
        <v>547569</v>
      </c>
      <c r="M1737">
        <v>91</v>
      </c>
      <c r="N1737" t="s">
        <v>24</v>
      </c>
      <c r="O1737" s="1">
        <v>42417.079861111109</v>
      </c>
      <c r="P1737" s="1">
        <v>42417.083333333336</v>
      </c>
    </row>
    <row r="1738" spans="1:16" x14ac:dyDescent="0.4">
      <c r="A1738">
        <v>2850</v>
      </c>
      <c r="B1738">
        <v>124737</v>
      </c>
      <c r="C1738" s="1">
        <v>42421</v>
      </c>
      <c r="D1738">
        <v>186</v>
      </c>
      <c r="E1738">
        <v>225</v>
      </c>
      <c r="F1738" t="s">
        <v>34</v>
      </c>
      <c r="G1738">
        <v>3</v>
      </c>
      <c r="H1738">
        <v>350</v>
      </c>
      <c r="I1738">
        <v>1</v>
      </c>
      <c r="J1738">
        <v>0</v>
      </c>
      <c r="K1738">
        <v>549471</v>
      </c>
      <c r="L1738">
        <v>549472</v>
      </c>
      <c r="M1738">
        <v>1</v>
      </c>
      <c r="N1738" t="s">
        <v>12</v>
      </c>
      <c r="O1738" s="1">
        <v>42422.090277777781</v>
      </c>
      <c r="P1738" s="1">
        <v>42422.120833333334</v>
      </c>
    </row>
    <row r="1739" spans="1:16" x14ac:dyDescent="0.4">
      <c r="A1739">
        <v>2851</v>
      </c>
      <c r="B1739">
        <v>124737</v>
      </c>
      <c r="C1739" s="1">
        <v>42421</v>
      </c>
      <c r="D1739">
        <v>186</v>
      </c>
      <c r="E1739">
        <v>225</v>
      </c>
      <c r="F1739" t="s">
        <v>34</v>
      </c>
      <c r="G1739">
        <v>3</v>
      </c>
      <c r="H1739">
        <v>350</v>
      </c>
      <c r="I1739">
        <v>1</v>
      </c>
      <c r="J1739">
        <v>0</v>
      </c>
      <c r="K1739">
        <v>549473</v>
      </c>
      <c r="L1739">
        <v>549474</v>
      </c>
      <c r="M1739">
        <v>1</v>
      </c>
      <c r="N1739" t="s">
        <v>12</v>
      </c>
      <c r="O1739" s="1">
        <v>42422.120833333334</v>
      </c>
      <c r="P1739" s="1">
        <v>42422.120833333334</v>
      </c>
    </row>
    <row r="1740" spans="1:16" x14ac:dyDescent="0.4">
      <c r="A1740">
        <v>2852</v>
      </c>
      <c r="B1740">
        <v>125052</v>
      </c>
      <c r="C1740" s="1">
        <v>42426</v>
      </c>
      <c r="D1740">
        <v>274</v>
      </c>
      <c r="E1740">
        <v>46</v>
      </c>
      <c r="F1740" t="s">
        <v>75</v>
      </c>
      <c r="G1740">
        <v>4</v>
      </c>
      <c r="H1740">
        <v>480</v>
      </c>
      <c r="I1740">
        <v>1</v>
      </c>
      <c r="J1740">
        <v>0</v>
      </c>
      <c r="K1740">
        <v>550780</v>
      </c>
      <c r="L1740">
        <v>550781</v>
      </c>
      <c r="M1740">
        <v>1</v>
      </c>
      <c r="N1740" t="s">
        <v>12</v>
      </c>
      <c r="O1740" s="1">
        <v>42426.968055555553</v>
      </c>
      <c r="P1740" s="1">
        <v>42426.968055555553</v>
      </c>
    </row>
    <row r="1741" spans="1:16" x14ac:dyDescent="0.4">
      <c r="A1741">
        <v>2853</v>
      </c>
      <c r="B1741">
        <v>125083</v>
      </c>
      <c r="C1741" s="1">
        <v>42427</v>
      </c>
      <c r="D1741">
        <v>125</v>
      </c>
      <c r="E1741">
        <v>126</v>
      </c>
      <c r="F1741" t="s">
        <v>8</v>
      </c>
      <c r="G1741">
        <v>4</v>
      </c>
      <c r="H1741">
        <v>380</v>
      </c>
      <c r="I1741">
        <v>1</v>
      </c>
      <c r="J1741">
        <v>0</v>
      </c>
      <c r="K1741">
        <v>550969</v>
      </c>
      <c r="L1741">
        <v>550970</v>
      </c>
      <c r="M1741">
        <v>90</v>
      </c>
      <c r="N1741" t="s">
        <v>9</v>
      </c>
      <c r="O1741" s="1">
        <v>42427.497916666667</v>
      </c>
      <c r="P1741" s="1">
        <v>42427.50277777778</v>
      </c>
    </row>
    <row r="1742" spans="1:16" x14ac:dyDescent="0.4">
      <c r="A1742">
        <v>2854</v>
      </c>
      <c r="B1742">
        <v>125114</v>
      </c>
      <c r="C1742" s="1">
        <v>42427</v>
      </c>
      <c r="D1742">
        <v>213</v>
      </c>
      <c r="E1742">
        <v>211</v>
      </c>
      <c r="F1742" t="s">
        <v>46</v>
      </c>
      <c r="G1742">
        <v>8</v>
      </c>
      <c r="H1742">
        <v>0</v>
      </c>
      <c r="I1742">
        <v>1</v>
      </c>
      <c r="J1742">
        <v>0</v>
      </c>
      <c r="K1742">
        <v>551074</v>
      </c>
      <c r="L1742">
        <v>551075</v>
      </c>
      <c r="M1742">
        <v>90</v>
      </c>
      <c r="N1742" t="s">
        <v>9</v>
      </c>
      <c r="O1742" s="1">
        <v>42427.701388888891</v>
      </c>
      <c r="P1742" s="1">
        <v>42427.703472222223</v>
      </c>
    </row>
    <row r="1743" spans="1:16" x14ac:dyDescent="0.4">
      <c r="A1743">
        <v>2855</v>
      </c>
      <c r="B1743">
        <v>125153</v>
      </c>
      <c r="C1743" s="1">
        <v>42427</v>
      </c>
      <c r="D1743">
        <v>75</v>
      </c>
      <c r="E1743">
        <v>56</v>
      </c>
      <c r="F1743" t="s">
        <v>49</v>
      </c>
      <c r="G1743">
        <v>2</v>
      </c>
      <c r="H1743">
        <v>400</v>
      </c>
      <c r="I1743">
        <v>1</v>
      </c>
      <c r="J1743">
        <v>0</v>
      </c>
      <c r="K1743">
        <v>551393</v>
      </c>
      <c r="L1743">
        <v>551394</v>
      </c>
      <c r="M1743">
        <v>1</v>
      </c>
      <c r="N1743" t="s">
        <v>12</v>
      </c>
      <c r="O1743" s="1">
        <v>42428.013888888891</v>
      </c>
      <c r="P1743" s="1">
        <v>42428.066666666666</v>
      </c>
    </row>
    <row r="1744" spans="1:16" x14ac:dyDescent="0.4">
      <c r="A1744">
        <v>2857</v>
      </c>
      <c r="B1744">
        <v>125293</v>
      </c>
      <c r="C1744" s="1">
        <v>42429</v>
      </c>
      <c r="D1744">
        <v>97</v>
      </c>
      <c r="E1744">
        <v>21</v>
      </c>
      <c r="F1744" t="s">
        <v>6</v>
      </c>
      <c r="G1744">
        <v>3</v>
      </c>
      <c r="H1744">
        <v>420</v>
      </c>
      <c r="I1744">
        <v>1</v>
      </c>
      <c r="J1744">
        <v>0</v>
      </c>
      <c r="K1744">
        <v>551930</v>
      </c>
      <c r="L1744">
        <v>551931</v>
      </c>
      <c r="M1744">
        <v>90</v>
      </c>
      <c r="N1744" t="s">
        <v>9</v>
      </c>
      <c r="O1744" s="1">
        <v>42429.884027777778</v>
      </c>
      <c r="P1744" s="1">
        <v>42429.884027777778</v>
      </c>
    </row>
    <row r="1745" spans="1:16" x14ac:dyDescent="0.4">
      <c r="A1745">
        <v>2858</v>
      </c>
      <c r="B1745">
        <v>125322</v>
      </c>
      <c r="C1745" s="1">
        <v>42430</v>
      </c>
      <c r="D1745">
        <v>125</v>
      </c>
      <c r="E1745">
        <v>126</v>
      </c>
      <c r="F1745" t="s">
        <v>8</v>
      </c>
      <c r="G1745">
        <v>20</v>
      </c>
      <c r="H1745">
        <v>380</v>
      </c>
      <c r="I1745">
        <v>1</v>
      </c>
      <c r="J1745">
        <v>0</v>
      </c>
      <c r="K1745">
        <v>552075</v>
      </c>
      <c r="L1745">
        <v>552076</v>
      </c>
      <c r="M1745">
        <v>85</v>
      </c>
      <c r="N1745" t="s">
        <v>295</v>
      </c>
      <c r="O1745" s="1">
        <v>42430.626388888886</v>
      </c>
      <c r="P1745" s="1">
        <v>42430.631249999999</v>
      </c>
    </row>
    <row r="1746" spans="1:16" x14ac:dyDescent="0.4">
      <c r="A1746">
        <v>2859</v>
      </c>
      <c r="B1746">
        <v>125469</v>
      </c>
      <c r="C1746" s="1">
        <v>42432</v>
      </c>
      <c r="D1746">
        <v>94</v>
      </c>
      <c r="E1746">
        <v>75</v>
      </c>
      <c r="F1746" t="s">
        <v>57</v>
      </c>
      <c r="G1746">
        <v>3</v>
      </c>
      <c r="H1746">
        <v>480</v>
      </c>
      <c r="I1746">
        <v>1</v>
      </c>
      <c r="J1746">
        <v>0</v>
      </c>
      <c r="K1746">
        <v>552708</v>
      </c>
      <c r="L1746">
        <v>552709</v>
      </c>
      <c r="M1746">
        <v>93</v>
      </c>
      <c r="N1746" t="s">
        <v>15</v>
      </c>
      <c r="O1746" s="1">
        <v>42432.883333333331</v>
      </c>
      <c r="P1746" s="1">
        <v>42432.887499999997</v>
      </c>
    </row>
    <row r="1747" spans="1:16" x14ac:dyDescent="0.4">
      <c r="A1747">
        <v>2860</v>
      </c>
      <c r="B1747">
        <v>125666</v>
      </c>
      <c r="C1747" s="1">
        <v>42434</v>
      </c>
      <c r="D1747">
        <v>165</v>
      </c>
      <c r="E1747">
        <v>323</v>
      </c>
      <c r="F1747" t="s">
        <v>28</v>
      </c>
      <c r="G1747">
        <v>17</v>
      </c>
      <c r="H1747">
        <v>450</v>
      </c>
      <c r="I1747">
        <v>1</v>
      </c>
      <c r="J1747">
        <v>0</v>
      </c>
      <c r="K1747">
        <v>553763</v>
      </c>
      <c r="L1747">
        <v>553764</v>
      </c>
      <c r="M1747">
        <v>1</v>
      </c>
      <c r="N1747" t="s">
        <v>12</v>
      </c>
      <c r="O1747" s="1">
        <v>42435.202777777777</v>
      </c>
      <c r="P1747" s="1">
        <v>42435.204861111109</v>
      </c>
    </row>
    <row r="1748" spans="1:16" x14ac:dyDescent="0.4">
      <c r="A1748">
        <v>2861</v>
      </c>
      <c r="B1748">
        <v>125733</v>
      </c>
      <c r="C1748" s="1">
        <v>42435</v>
      </c>
      <c r="D1748">
        <v>189</v>
      </c>
      <c r="E1748">
        <v>811</v>
      </c>
      <c r="F1748" t="s">
        <v>309</v>
      </c>
      <c r="G1748">
        <v>13</v>
      </c>
      <c r="H1748">
        <v>380</v>
      </c>
      <c r="I1748">
        <v>1</v>
      </c>
      <c r="J1748">
        <v>0</v>
      </c>
      <c r="K1748">
        <v>553956</v>
      </c>
      <c r="L1748">
        <v>553957</v>
      </c>
      <c r="M1748">
        <v>98</v>
      </c>
      <c r="N1748" t="s">
        <v>14</v>
      </c>
      <c r="O1748" s="1">
        <v>42435.827777777777</v>
      </c>
      <c r="P1748" s="1">
        <v>42435.832638888889</v>
      </c>
    </row>
    <row r="1749" spans="1:16" x14ac:dyDescent="0.4">
      <c r="A1749">
        <v>2862</v>
      </c>
      <c r="B1749">
        <v>125733</v>
      </c>
      <c r="C1749" s="1">
        <v>42435</v>
      </c>
      <c r="D1749">
        <v>189</v>
      </c>
      <c r="E1749">
        <v>811</v>
      </c>
      <c r="F1749" t="s">
        <v>309</v>
      </c>
      <c r="G1749">
        <v>13</v>
      </c>
      <c r="H1749">
        <v>380</v>
      </c>
      <c r="I1749">
        <v>1</v>
      </c>
      <c r="J1749">
        <v>0</v>
      </c>
      <c r="K1749">
        <v>553958</v>
      </c>
      <c r="L1749">
        <v>553959</v>
      </c>
      <c r="M1749">
        <v>98</v>
      </c>
      <c r="N1749" t="s">
        <v>14</v>
      </c>
      <c r="O1749" s="1">
        <v>42435.827777777777</v>
      </c>
      <c r="P1749" s="1">
        <v>42435.832638888889</v>
      </c>
    </row>
    <row r="1750" spans="1:16" x14ac:dyDescent="0.4">
      <c r="A1750">
        <v>2863</v>
      </c>
      <c r="B1750">
        <v>125911</v>
      </c>
      <c r="C1750" s="1">
        <v>42438</v>
      </c>
      <c r="D1750">
        <v>16</v>
      </c>
      <c r="E1750">
        <v>120</v>
      </c>
      <c r="F1750" t="s">
        <v>58</v>
      </c>
      <c r="G1750">
        <v>7</v>
      </c>
      <c r="H1750">
        <v>450</v>
      </c>
      <c r="I1750">
        <v>1</v>
      </c>
      <c r="J1750">
        <v>0</v>
      </c>
      <c r="K1750">
        <v>554651</v>
      </c>
      <c r="L1750">
        <v>554652</v>
      </c>
      <c r="M1750">
        <v>95</v>
      </c>
      <c r="N1750" t="s">
        <v>3</v>
      </c>
      <c r="O1750" s="1">
        <v>42438.68472222222</v>
      </c>
      <c r="P1750" s="1">
        <v>42438.694444444445</v>
      </c>
    </row>
    <row r="1751" spans="1:16" x14ac:dyDescent="0.4">
      <c r="A1751">
        <v>2864</v>
      </c>
      <c r="B1751">
        <v>125911</v>
      </c>
      <c r="C1751" s="1">
        <v>42438</v>
      </c>
      <c r="D1751">
        <v>142</v>
      </c>
      <c r="E1751">
        <v>125</v>
      </c>
      <c r="F1751" t="s">
        <v>31</v>
      </c>
      <c r="G1751">
        <v>7</v>
      </c>
      <c r="H1751">
        <v>350</v>
      </c>
      <c r="I1751">
        <v>1</v>
      </c>
      <c r="J1751">
        <v>0</v>
      </c>
      <c r="K1751">
        <v>554653</v>
      </c>
      <c r="L1751">
        <v>554654</v>
      </c>
      <c r="M1751">
        <v>95</v>
      </c>
      <c r="N1751" t="s">
        <v>3</v>
      </c>
      <c r="O1751" s="1">
        <v>42438.68472222222</v>
      </c>
      <c r="P1751" s="1">
        <v>42438.694444444445</v>
      </c>
    </row>
    <row r="1752" spans="1:16" x14ac:dyDescent="0.4">
      <c r="A1752">
        <v>2865</v>
      </c>
      <c r="B1752">
        <v>126338</v>
      </c>
      <c r="C1752" s="1">
        <v>42443</v>
      </c>
      <c r="D1752">
        <v>160</v>
      </c>
      <c r="E1752">
        <v>114</v>
      </c>
      <c r="F1752" t="s">
        <v>106</v>
      </c>
      <c r="G1752">
        <v>7</v>
      </c>
      <c r="H1752">
        <v>550</v>
      </c>
      <c r="I1752">
        <v>1</v>
      </c>
      <c r="J1752">
        <v>0</v>
      </c>
      <c r="K1752">
        <v>556571</v>
      </c>
      <c r="L1752">
        <v>556572</v>
      </c>
      <c r="M1752">
        <v>91</v>
      </c>
      <c r="N1752" t="s">
        <v>24</v>
      </c>
      <c r="O1752" s="1">
        <v>42444.115972222222</v>
      </c>
      <c r="P1752" s="1">
        <v>42444.115972222222</v>
      </c>
    </row>
    <row r="1753" spans="1:16" x14ac:dyDescent="0.4">
      <c r="A1753">
        <v>2866</v>
      </c>
      <c r="B1753">
        <v>126557</v>
      </c>
      <c r="C1753" s="1">
        <v>42447</v>
      </c>
      <c r="D1753">
        <v>125</v>
      </c>
      <c r="E1753">
        <v>126</v>
      </c>
      <c r="F1753" t="s">
        <v>8</v>
      </c>
      <c r="G1753">
        <v>14</v>
      </c>
      <c r="H1753">
        <v>380</v>
      </c>
      <c r="I1753">
        <v>1</v>
      </c>
      <c r="J1753">
        <v>0</v>
      </c>
      <c r="K1753">
        <v>557451</v>
      </c>
      <c r="L1753">
        <v>557452</v>
      </c>
      <c r="M1753">
        <v>90</v>
      </c>
      <c r="N1753" t="s">
        <v>9</v>
      </c>
      <c r="O1753" s="1">
        <v>42447.670138888891</v>
      </c>
      <c r="P1753" s="1">
        <v>42447.72152777778</v>
      </c>
    </row>
    <row r="1754" spans="1:16" x14ac:dyDescent="0.4">
      <c r="A1754">
        <v>2867</v>
      </c>
      <c r="B1754">
        <v>126606</v>
      </c>
      <c r="C1754" s="1">
        <v>42447</v>
      </c>
      <c r="D1754">
        <v>205</v>
      </c>
      <c r="E1754">
        <v>400</v>
      </c>
      <c r="F1754" t="s">
        <v>125</v>
      </c>
      <c r="G1754">
        <v>5</v>
      </c>
      <c r="H1754">
        <v>320</v>
      </c>
      <c r="I1754">
        <v>2</v>
      </c>
      <c r="J1754">
        <v>0</v>
      </c>
      <c r="K1754">
        <v>557782</v>
      </c>
      <c r="L1754">
        <v>557783</v>
      </c>
      <c r="M1754">
        <v>97</v>
      </c>
      <c r="N1754" t="s">
        <v>17</v>
      </c>
      <c r="O1754" s="1">
        <v>42448.123611111114</v>
      </c>
      <c r="P1754" s="1">
        <v>42448.179861111108</v>
      </c>
    </row>
    <row r="1755" spans="1:16" x14ac:dyDescent="0.4">
      <c r="A1755">
        <v>2868</v>
      </c>
      <c r="B1755">
        <v>126634</v>
      </c>
      <c r="C1755" s="1">
        <v>42448</v>
      </c>
      <c r="D1755">
        <v>157</v>
      </c>
      <c r="E1755">
        <v>113</v>
      </c>
      <c r="F1755" t="s">
        <v>59</v>
      </c>
      <c r="G1755">
        <v>16</v>
      </c>
      <c r="H1755">
        <v>550</v>
      </c>
      <c r="I1755">
        <v>1</v>
      </c>
      <c r="J1755">
        <v>0</v>
      </c>
      <c r="K1755">
        <v>557861</v>
      </c>
      <c r="L1755">
        <v>557862</v>
      </c>
      <c r="M1755">
        <v>95</v>
      </c>
      <c r="N1755" t="s">
        <v>3</v>
      </c>
      <c r="O1755" s="1">
        <v>42448.548611111109</v>
      </c>
      <c r="P1755" s="1">
        <v>42448.581250000003</v>
      </c>
    </row>
    <row r="1756" spans="1:16" x14ac:dyDescent="0.4">
      <c r="A1756">
        <v>2869</v>
      </c>
      <c r="B1756">
        <v>126829</v>
      </c>
      <c r="C1756" s="1">
        <v>42450</v>
      </c>
      <c r="D1756">
        <v>280</v>
      </c>
      <c r="E1756">
        <v>1266</v>
      </c>
      <c r="F1756" t="s">
        <v>13</v>
      </c>
      <c r="G1756">
        <v>7</v>
      </c>
      <c r="H1756">
        <v>680</v>
      </c>
      <c r="I1756">
        <v>1</v>
      </c>
      <c r="J1756">
        <v>0</v>
      </c>
      <c r="K1756">
        <v>558828</v>
      </c>
      <c r="L1756">
        <v>558829</v>
      </c>
      <c r="M1756">
        <v>90</v>
      </c>
      <c r="N1756" t="s">
        <v>9</v>
      </c>
      <c r="O1756" s="1">
        <v>42450.495833333334</v>
      </c>
      <c r="P1756" s="1">
        <v>42450.496527777781</v>
      </c>
    </row>
    <row r="1757" spans="1:16" x14ac:dyDescent="0.4">
      <c r="A1757">
        <v>2870</v>
      </c>
      <c r="B1757">
        <v>127077</v>
      </c>
      <c r="C1757" s="1">
        <v>42453</v>
      </c>
      <c r="D1757">
        <v>290</v>
      </c>
      <c r="E1757">
        <v>1260</v>
      </c>
      <c r="F1757" t="s">
        <v>22</v>
      </c>
      <c r="G1757">
        <v>15</v>
      </c>
      <c r="H1757">
        <v>500</v>
      </c>
      <c r="I1757">
        <v>1</v>
      </c>
      <c r="J1757">
        <v>0</v>
      </c>
      <c r="K1757">
        <v>559822</v>
      </c>
      <c r="L1757">
        <v>559823</v>
      </c>
      <c r="M1757">
        <v>101</v>
      </c>
      <c r="N1757" t="s">
        <v>306</v>
      </c>
      <c r="O1757" s="1">
        <v>42453.901388888888</v>
      </c>
      <c r="P1757" s="1">
        <v>42453.918749999997</v>
      </c>
    </row>
    <row r="1758" spans="1:16" x14ac:dyDescent="0.4">
      <c r="A1758">
        <v>2871</v>
      </c>
      <c r="B1758">
        <v>127091</v>
      </c>
      <c r="C1758" s="1">
        <v>42453</v>
      </c>
      <c r="D1758">
        <v>213</v>
      </c>
      <c r="E1758">
        <v>211</v>
      </c>
      <c r="F1758" t="s">
        <v>46</v>
      </c>
      <c r="G1758">
        <v>8</v>
      </c>
      <c r="H1758">
        <v>0</v>
      </c>
      <c r="I1758">
        <v>1</v>
      </c>
      <c r="J1758">
        <v>0</v>
      </c>
      <c r="K1758">
        <v>559911</v>
      </c>
      <c r="L1758">
        <v>559912</v>
      </c>
      <c r="M1758">
        <v>1</v>
      </c>
      <c r="N1758" t="s">
        <v>12</v>
      </c>
      <c r="O1758" s="1">
        <v>42454.038194444445</v>
      </c>
      <c r="P1758" s="1">
        <v>42454.073611111111</v>
      </c>
    </row>
    <row r="1759" spans="1:16" x14ac:dyDescent="0.4">
      <c r="A1759">
        <v>2872</v>
      </c>
      <c r="B1759">
        <v>127241</v>
      </c>
      <c r="C1759" s="1">
        <v>42455</v>
      </c>
      <c r="D1759">
        <v>142</v>
      </c>
      <c r="E1759">
        <v>125</v>
      </c>
      <c r="F1759" t="s">
        <v>31</v>
      </c>
      <c r="G1759">
        <v>11</v>
      </c>
      <c r="H1759">
        <v>350</v>
      </c>
      <c r="I1759">
        <v>1</v>
      </c>
      <c r="J1759">
        <v>0</v>
      </c>
      <c r="K1759">
        <v>560640</v>
      </c>
      <c r="L1759">
        <v>560641</v>
      </c>
      <c r="M1759">
        <v>98</v>
      </c>
      <c r="N1759" t="s">
        <v>14</v>
      </c>
      <c r="O1759" s="1">
        <v>42455.757638888892</v>
      </c>
      <c r="P1759" s="1">
        <v>42455.768055555556</v>
      </c>
    </row>
    <row r="1760" spans="1:16" x14ac:dyDescent="0.4">
      <c r="A1760">
        <v>2873</v>
      </c>
      <c r="B1760">
        <v>127269</v>
      </c>
      <c r="C1760" s="1">
        <v>42455</v>
      </c>
      <c r="D1760">
        <v>301</v>
      </c>
      <c r="E1760">
        <v>1430</v>
      </c>
      <c r="F1760" t="s">
        <v>19</v>
      </c>
      <c r="G1760">
        <v>15</v>
      </c>
      <c r="H1760">
        <v>420</v>
      </c>
      <c r="I1760">
        <v>2</v>
      </c>
      <c r="J1760">
        <v>0</v>
      </c>
      <c r="K1760">
        <v>560855</v>
      </c>
      <c r="L1760">
        <v>560856</v>
      </c>
      <c r="M1760">
        <v>89</v>
      </c>
      <c r="N1760" t="s">
        <v>297</v>
      </c>
      <c r="O1760" s="1">
        <v>42455.970833333333</v>
      </c>
      <c r="P1760" s="1">
        <v>42455.972222222219</v>
      </c>
    </row>
    <row r="1761" spans="1:16" x14ac:dyDescent="0.4">
      <c r="A1761">
        <v>2874</v>
      </c>
      <c r="B1761">
        <v>127380</v>
      </c>
      <c r="C1761" s="1">
        <v>42457</v>
      </c>
      <c r="D1761">
        <v>214</v>
      </c>
      <c r="E1761">
        <v>277</v>
      </c>
      <c r="F1761" t="s">
        <v>4</v>
      </c>
      <c r="G1761">
        <v>1</v>
      </c>
      <c r="H1761">
        <v>0</v>
      </c>
      <c r="I1761">
        <v>1</v>
      </c>
      <c r="J1761">
        <v>0</v>
      </c>
      <c r="K1761">
        <v>561400</v>
      </c>
      <c r="L1761">
        <v>561401</v>
      </c>
      <c r="M1761">
        <v>90</v>
      </c>
      <c r="N1761" t="s">
        <v>9</v>
      </c>
      <c r="O1761" s="1">
        <v>42457.449305555558</v>
      </c>
      <c r="P1761" s="1">
        <v>42457.523611111108</v>
      </c>
    </row>
    <row r="1762" spans="1:16" x14ac:dyDescent="0.4">
      <c r="A1762">
        <v>2875</v>
      </c>
      <c r="B1762">
        <v>127447</v>
      </c>
      <c r="C1762" s="1">
        <v>42457</v>
      </c>
      <c r="D1762">
        <v>290</v>
      </c>
      <c r="E1762">
        <v>1260</v>
      </c>
      <c r="F1762" t="s">
        <v>22</v>
      </c>
      <c r="G1762">
        <v>1</v>
      </c>
      <c r="H1762">
        <v>500</v>
      </c>
      <c r="I1762">
        <v>1</v>
      </c>
      <c r="J1762">
        <v>0</v>
      </c>
      <c r="K1762">
        <v>561674</v>
      </c>
      <c r="L1762">
        <v>561675</v>
      </c>
      <c r="M1762">
        <v>98</v>
      </c>
      <c r="N1762" t="s">
        <v>14</v>
      </c>
      <c r="O1762" s="1">
        <v>42458.018055555556</v>
      </c>
      <c r="P1762" s="1">
        <v>42458.030555555553</v>
      </c>
    </row>
    <row r="1763" spans="1:16" x14ac:dyDescent="0.4">
      <c r="A1763">
        <v>2876</v>
      </c>
      <c r="B1763">
        <v>127579</v>
      </c>
      <c r="C1763" s="1">
        <v>42459</v>
      </c>
      <c r="D1763">
        <v>98</v>
      </c>
      <c r="E1763">
        <v>22</v>
      </c>
      <c r="F1763" t="s">
        <v>296</v>
      </c>
      <c r="G1763">
        <v>9</v>
      </c>
      <c r="H1763">
        <v>580</v>
      </c>
      <c r="I1763">
        <v>1</v>
      </c>
      <c r="J1763">
        <v>0</v>
      </c>
      <c r="K1763">
        <v>562200</v>
      </c>
      <c r="L1763">
        <v>562201</v>
      </c>
      <c r="M1763">
        <v>102</v>
      </c>
      <c r="N1763" t="s">
        <v>27</v>
      </c>
      <c r="O1763" s="1">
        <v>42459.716666666667</v>
      </c>
      <c r="P1763" s="1">
        <v>42459.723611111112</v>
      </c>
    </row>
    <row r="1764" spans="1:16" x14ac:dyDescent="0.4">
      <c r="A1764">
        <v>2877</v>
      </c>
      <c r="B1764">
        <v>127749</v>
      </c>
      <c r="C1764" s="1">
        <v>42461</v>
      </c>
      <c r="D1764">
        <v>186</v>
      </c>
      <c r="E1764">
        <v>225</v>
      </c>
      <c r="F1764" t="s">
        <v>34</v>
      </c>
      <c r="G1764">
        <v>6</v>
      </c>
      <c r="H1764">
        <v>350</v>
      </c>
      <c r="I1764">
        <v>1</v>
      </c>
      <c r="J1764">
        <v>0</v>
      </c>
      <c r="K1764">
        <v>562915</v>
      </c>
      <c r="L1764">
        <v>562916</v>
      </c>
      <c r="M1764">
        <v>84</v>
      </c>
      <c r="N1764" t="s">
        <v>299</v>
      </c>
      <c r="O1764" s="1">
        <v>42461.839583333334</v>
      </c>
      <c r="P1764" s="1">
        <v>42461.839583333334</v>
      </c>
    </row>
    <row r="1765" spans="1:16" x14ac:dyDescent="0.4">
      <c r="A1765">
        <v>2878</v>
      </c>
      <c r="B1765">
        <v>127749</v>
      </c>
      <c r="C1765" s="1">
        <v>42461</v>
      </c>
      <c r="D1765">
        <v>274</v>
      </c>
      <c r="E1765">
        <v>46</v>
      </c>
      <c r="F1765" t="s">
        <v>75</v>
      </c>
      <c r="G1765">
        <v>6</v>
      </c>
      <c r="H1765">
        <v>480</v>
      </c>
      <c r="I1765">
        <v>2</v>
      </c>
      <c r="J1765">
        <v>0</v>
      </c>
      <c r="K1765">
        <v>562917</v>
      </c>
      <c r="L1765">
        <v>562918</v>
      </c>
      <c r="M1765">
        <v>84</v>
      </c>
      <c r="N1765" t="s">
        <v>299</v>
      </c>
      <c r="O1765" s="1">
        <v>42461.839583333334</v>
      </c>
      <c r="P1765" s="1">
        <v>42461.839583333334</v>
      </c>
    </row>
    <row r="1766" spans="1:16" x14ac:dyDescent="0.4">
      <c r="A1766">
        <v>2879</v>
      </c>
      <c r="B1766">
        <v>127793</v>
      </c>
      <c r="C1766" s="1">
        <v>42462</v>
      </c>
      <c r="D1766">
        <v>213</v>
      </c>
      <c r="E1766">
        <v>211</v>
      </c>
      <c r="F1766" t="s">
        <v>46</v>
      </c>
      <c r="G1766">
        <v>3</v>
      </c>
      <c r="H1766">
        <v>0</v>
      </c>
      <c r="I1766">
        <v>1</v>
      </c>
      <c r="J1766">
        <v>0</v>
      </c>
      <c r="K1766">
        <v>563149</v>
      </c>
      <c r="L1766">
        <v>563150</v>
      </c>
      <c r="M1766">
        <v>1</v>
      </c>
      <c r="N1766" t="s">
        <v>12</v>
      </c>
      <c r="O1766" s="1">
        <v>42462.379166666666</v>
      </c>
      <c r="P1766" s="1">
        <v>42462.378472222219</v>
      </c>
    </row>
    <row r="1767" spans="1:16" x14ac:dyDescent="0.4">
      <c r="A1767">
        <v>2880</v>
      </c>
      <c r="B1767">
        <v>127851</v>
      </c>
      <c r="C1767" s="1">
        <v>42462</v>
      </c>
      <c r="D1767">
        <v>182</v>
      </c>
      <c r="E1767">
        <v>143</v>
      </c>
      <c r="F1767" t="s">
        <v>151</v>
      </c>
      <c r="G1767">
        <v>6</v>
      </c>
      <c r="H1767">
        <v>420</v>
      </c>
      <c r="I1767">
        <v>1</v>
      </c>
      <c r="J1767">
        <v>0</v>
      </c>
      <c r="K1767">
        <v>563311</v>
      </c>
      <c r="L1767">
        <v>563312</v>
      </c>
      <c r="M1767">
        <v>102</v>
      </c>
      <c r="N1767" t="s">
        <v>27</v>
      </c>
      <c r="O1767" s="1">
        <v>42462.806250000001</v>
      </c>
      <c r="P1767" s="1">
        <v>42462.806250000001</v>
      </c>
    </row>
    <row r="1768" spans="1:16" x14ac:dyDescent="0.4">
      <c r="A1768">
        <v>2881</v>
      </c>
      <c r="B1768">
        <v>127856</v>
      </c>
      <c r="C1768" s="1">
        <v>42462</v>
      </c>
      <c r="D1768">
        <v>213</v>
      </c>
      <c r="E1768">
        <v>211</v>
      </c>
      <c r="F1768" t="s">
        <v>46</v>
      </c>
      <c r="G1768">
        <v>7</v>
      </c>
      <c r="H1768">
        <v>0</v>
      </c>
      <c r="I1768">
        <v>3</v>
      </c>
      <c r="J1768">
        <v>0</v>
      </c>
      <c r="K1768">
        <v>563384</v>
      </c>
      <c r="L1768">
        <v>563385</v>
      </c>
      <c r="M1768">
        <v>1</v>
      </c>
      <c r="N1768" t="s">
        <v>12</v>
      </c>
      <c r="O1768" s="1">
        <v>42462.851388888892</v>
      </c>
      <c r="P1768" s="1">
        <v>42462.915972222225</v>
      </c>
    </row>
    <row r="1769" spans="1:16" x14ac:dyDescent="0.4">
      <c r="A1769">
        <v>2882</v>
      </c>
      <c r="B1769">
        <v>127856</v>
      </c>
      <c r="C1769" s="1">
        <v>42462</v>
      </c>
      <c r="D1769">
        <v>213</v>
      </c>
      <c r="E1769">
        <v>211</v>
      </c>
      <c r="F1769" t="s">
        <v>46</v>
      </c>
      <c r="G1769">
        <v>7</v>
      </c>
      <c r="H1769">
        <v>0</v>
      </c>
      <c r="I1769">
        <v>3</v>
      </c>
      <c r="J1769">
        <v>0</v>
      </c>
      <c r="K1769">
        <v>563386</v>
      </c>
      <c r="L1769">
        <v>563387</v>
      </c>
      <c r="M1769">
        <v>1</v>
      </c>
      <c r="N1769" t="s">
        <v>12</v>
      </c>
      <c r="O1769" s="1">
        <v>42462.913888888892</v>
      </c>
      <c r="P1769" s="1">
        <v>42462.915972222225</v>
      </c>
    </row>
    <row r="1770" spans="1:16" x14ac:dyDescent="0.4">
      <c r="A1770">
        <v>2883</v>
      </c>
      <c r="B1770">
        <v>127876</v>
      </c>
      <c r="C1770" s="1">
        <v>42462</v>
      </c>
      <c r="D1770">
        <v>169</v>
      </c>
      <c r="E1770">
        <v>304</v>
      </c>
      <c r="F1770" t="s">
        <v>132</v>
      </c>
      <c r="G1770">
        <v>2</v>
      </c>
      <c r="H1770">
        <v>450</v>
      </c>
      <c r="I1770">
        <v>1</v>
      </c>
      <c r="J1770">
        <v>0</v>
      </c>
      <c r="K1770">
        <v>563621</v>
      </c>
      <c r="L1770">
        <v>563622</v>
      </c>
      <c r="M1770">
        <v>91</v>
      </c>
      <c r="N1770" t="s">
        <v>24</v>
      </c>
      <c r="O1770" s="1">
        <v>42463.135416666664</v>
      </c>
      <c r="P1770" s="1">
        <v>42463.146527777775</v>
      </c>
    </row>
    <row r="1771" spans="1:16" x14ac:dyDescent="0.4">
      <c r="A1771">
        <v>2884</v>
      </c>
      <c r="B1771">
        <v>127876</v>
      </c>
      <c r="C1771" s="1">
        <v>42462</v>
      </c>
      <c r="D1771">
        <v>175</v>
      </c>
      <c r="E1771">
        <v>109</v>
      </c>
      <c r="F1771" t="s">
        <v>144</v>
      </c>
      <c r="G1771">
        <v>2</v>
      </c>
      <c r="H1771">
        <v>300</v>
      </c>
      <c r="I1771">
        <v>1</v>
      </c>
      <c r="J1771">
        <v>0</v>
      </c>
      <c r="K1771">
        <v>563623</v>
      </c>
      <c r="L1771">
        <v>563624</v>
      </c>
      <c r="M1771">
        <v>91</v>
      </c>
      <c r="N1771" t="s">
        <v>24</v>
      </c>
      <c r="O1771" s="1">
        <v>42463.135416666664</v>
      </c>
      <c r="P1771" s="1">
        <v>42463.146527777775</v>
      </c>
    </row>
    <row r="1772" spans="1:16" x14ac:dyDescent="0.4">
      <c r="A1772">
        <v>2885</v>
      </c>
      <c r="B1772">
        <v>128023</v>
      </c>
      <c r="C1772" s="1">
        <v>42464</v>
      </c>
      <c r="D1772">
        <v>87</v>
      </c>
      <c r="E1772">
        <v>68</v>
      </c>
      <c r="F1772" t="s">
        <v>123</v>
      </c>
      <c r="G1772">
        <v>8</v>
      </c>
      <c r="H1772">
        <v>400</v>
      </c>
      <c r="I1772">
        <v>2</v>
      </c>
      <c r="J1772">
        <v>0</v>
      </c>
      <c r="K1772">
        <v>564163</v>
      </c>
      <c r="L1772">
        <v>564164</v>
      </c>
      <c r="M1772">
        <v>102</v>
      </c>
      <c r="N1772" t="s">
        <v>27</v>
      </c>
      <c r="O1772" s="1">
        <v>42464.915277777778</v>
      </c>
      <c r="P1772" s="1">
        <v>42464.915277777778</v>
      </c>
    </row>
    <row r="1773" spans="1:16" x14ac:dyDescent="0.4">
      <c r="A1773">
        <v>2886</v>
      </c>
      <c r="B1773">
        <v>128023</v>
      </c>
      <c r="C1773" s="1">
        <v>42464</v>
      </c>
      <c r="D1773">
        <v>76</v>
      </c>
      <c r="E1773">
        <v>51</v>
      </c>
      <c r="F1773" t="s">
        <v>33</v>
      </c>
      <c r="G1773">
        <v>8</v>
      </c>
      <c r="H1773">
        <v>400</v>
      </c>
      <c r="I1773">
        <v>2</v>
      </c>
      <c r="J1773">
        <v>0</v>
      </c>
      <c r="K1773">
        <v>564165</v>
      </c>
      <c r="L1773">
        <v>564166</v>
      </c>
      <c r="M1773">
        <v>102</v>
      </c>
      <c r="N1773" t="s">
        <v>27</v>
      </c>
      <c r="O1773" s="1">
        <v>42464.915277777778</v>
      </c>
      <c r="P1773" s="1">
        <v>42464.915277777778</v>
      </c>
    </row>
    <row r="1774" spans="1:16" x14ac:dyDescent="0.4">
      <c r="A1774">
        <v>2887</v>
      </c>
      <c r="B1774">
        <v>128023</v>
      </c>
      <c r="C1774" s="1">
        <v>42464</v>
      </c>
      <c r="D1774">
        <v>71</v>
      </c>
      <c r="E1774">
        <v>52</v>
      </c>
      <c r="F1774" t="s">
        <v>23</v>
      </c>
      <c r="G1774">
        <v>8</v>
      </c>
      <c r="H1774">
        <v>400</v>
      </c>
      <c r="I1774">
        <v>2</v>
      </c>
      <c r="J1774">
        <v>0</v>
      </c>
      <c r="K1774">
        <v>564167</v>
      </c>
      <c r="L1774">
        <v>564168</v>
      </c>
      <c r="M1774">
        <v>102</v>
      </c>
      <c r="N1774" t="s">
        <v>27</v>
      </c>
      <c r="O1774" s="1">
        <v>42464.915277777778</v>
      </c>
      <c r="P1774" s="1">
        <v>42464.915277777778</v>
      </c>
    </row>
    <row r="1775" spans="1:16" x14ac:dyDescent="0.4">
      <c r="A1775">
        <v>2888</v>
      </c>
      <c r="B1775">
        <v>128023</v>
      </c>
      <c r="C1775" s="1">
        <v>42464</v>
      </c>
      <c r="D1775">
        <v>73</v>
      </c>
      <c r="E1775">
        <v>54</v>
      </c>
      <c r="F1775" t="s">
        <v>36</v>
      </c>
      <c r="G1775">
        <v>8</v>
      </c>
      <c r="H1775">
        <v>400</v>
      </c>
      <c r="I1775">
        <v>1</v>
      </c>
      <c r="J1775">
        <v>0</v>
      </c>
      <c r="K1775">
        <v>564169</v>
      </c>
      <c r="L1775">
        <v>564170</v>
      </c>
      <c r="M1775">
        <v>102</v>
      </c>
      <c r="N1775" t="s">
        <v>27</v>
      </c>
      <c r="O1775" s="1">
        <v>42464.915277777778</v>
      </c>
      <c r="P1775" s="1">
        <v>42464.915277777778</v>
      </c>
    </row>
    <row r="1776" spans="1:16" x14ac:dyDescent="0.4">
      <c r="A1776">
        <v>2889</v>
      </c>
      <c r="B1776">
        <v>128023</v>
      </c>
      <c r="C1776" s="1">
        <v>42464</v>
      </c>
      <c r="D1776">
        <v>71</v>
      </c>
      <c r="E1776">
        <v>52</v>
      </c>
      <c r="F1776" t="s">
        <v>23</v>
      </c>
      <c r="G1776">
        <v>8</v>
      </c>
      <c r="H1776">
        <v>400</v>
      </c>
      <c r="I1776">
        <v>3</v>
      </c>
      <c r="J1776">
        <v>0</v>
      </c>
      <c r="K1776">
        <v>564171</v>
      </c>
      <c r="L1776">
        <v>564172</v>
      </c>
      <c r="M1776">
        <v>102</v>
      </c>
      <c r="N1776" t="s">
        <v>27</v>
      </c>
      <c r="O1776" s="1">
        <v>42464.915277777778</v>
      </c>
      <c r="P1776" s="1">
        <v>42464.915277777778</v>
      </c>
    </row>
    <row r="1777" spans="1:16" x14ac:dyDescent="0.4">
      <c r="A1777">
        <v>2890</v>
      </c>
      <c r="B1777">
        <v>128023</v>
      </c>
      <c r="C1777" s="1">
        <v>42464</v>
      </c>
      <c r="D1777">
        <v>86</v>
      </c>
      <c r="E1777">
        <v>67</v>
      </c>
      <c r="F1777" t="s">
        <v>93</v>
      </c>
      <c r="G1777">
        <v>8</v>
      </c>
      <c r="H1777">
        <v>0</v>
      </c>
      <c r="I1777">
        <v>3</v>
      </c>
      <c r="J1777">
        <v>0</v>
      </c>
      <c r="K1777">
        <v>564173</v>
      </c>
      <c r="L1777">
        <v>564174</v>
      </c>
      <c r="M1777">
        <v>102</v>
      </c>
      <c r="N1777" t="s">
        <v>27</v>
      </c>
      <c r="O1777" s="1">
        <v>42464.915277777778</v>
      </c>
      <c r="P1777" s="1">
        <v>42464.915277777778</v>
      </c>
    </row>
    <row r="1778" spans="1:16" x14ac:dyDescent="0.4">
      <c r="A1778">
        <v>2891</v>
      </c>
      <c r="B1778">
        <v>128106</v>
      </c>
      <c r="C1778" s="1">
        <v>42466</v>
      </c>
      <c r="D1778">
        <v>213</v>
      </c>
      <c r="E1778">
        <v>211</v>
      </c>
      <c r="F1778" t="s">
        <v>46</v>
      </c>
      <c r="G1778">
        <v>19</v>
      </c>
      <c r="H1778">
        <v>0</v>
      </c>
      <c r="I1778">
        <v>1</v>
      </c>
      <c r="J1778">
        <v>0</v>
      </c>
      <c r="K1778">
        <v>564551</v>
      </c>
      <c r="L1778">
        <v>564552</v>
      </c>
      <c r="M1778">
        <v>100</v>
      </c>
      <c r="N1778" t="s">
        <v>1</v>
      </c>
      <c r="O1778" s="1">
        <v>42466.47152777778</v>
      </c>
      <c r="P1778" s="1">
        <v>42466.47152777778</v>
      </c>
    </row>
    <row r="1779" spans="1:16" x14ac:dyDescent="0.4">
      <c r="A1779">
        <v>2892</v>
      </c>
      <c r="B1779">
        <v>128169</v>
      </c>
      <c r="C1779" s="1">
        <v>42466</v>
      </c>
      <c r="D1779">
        <v>66</v>
      </c>
      <c r="E1779">
        <v>39</v>
      </c>
      <c r="F1779" t="s">
        <v>135</v>
      </c>
      <c r="G1779">
        <v>13</v>
      </c>
      <c r="H1779">
        <v>320</v>
      </c>
      <c r="I1779">
        <v>1</v>
      </c>
      <c r="J1779">
        <v>0</v>
      </c>
      <c r="K1779">
        <v>564829</v>
      </c>
      <c r="L1779">
        <v>564830</v>
      </c>
      <c r="M1779">
        <v>1</v>
      </c>
      <c r="N1779" t="s">
        <v>12</v>
      </c>
      <c r="O1779" s="1">
        <v>42467.127083333333</v>
      </c>
      <c r="P1779" s="1">
        <v>42467.236111111109</v>
      </c>
    </row>
    <row r="1780" spans="1:16" x14ac:dyDescent="0.4">
      <c r="A1780">
        <v>2893</v>
      </c>
      <c r="B1780">
        <v>128169</v>
      </c>
      <c r="C1780" s="1">
        <v>42466</v>
      </c>
      <c r="D1780">
        <v>66</v>
      </c>
      <c r="E1780">
        <v>39</v>
      </c>
      <c r="F1780" t="s">
        <v>135</v>
      </c>
      <c r="G1780">
        <v>13</v>
      </c>
      <c r="H1780">
        <v>320</v>
      </c>
      <c r="I1780">
        <v>1</v>
      </c>
      <c r="J1780">
        <v>0</v>
      </c>
      <c r="K1780">
        <v>564831</v>
      </c>
      <c r="L1780">
        <v>564832</v>
      </c>
      <c r="M1780">
        <v>1</v>
      </c>
      <c r="N1780" t="s">
        <v>12</v>
      </c>
      <c r="O1780" s="1">
        <v>42467.161805555559</v>
      </c>
      <c r="P1780" s="1">
        <v>42467.236111111109</v>
      </c>
    </row>
    <row r="1781" spans="1:16" x14ac:dyDescent="0.4">
      <c r="A1781">
        <v>2894</v>
      </c>
      <c r="B1781">
        <v>128169</v>
      </c>
      <c r="C1781" s="1">
        <v>42466</v>
      </c>
      <c r="D1781">
        <v>66</v>
      </c>
      <c r="E1781">
        <v>39</v>
      </c>
      <c r="F1781" t="s">
        <v>135</v>
      </c>
      <c r="G1781">
        <v>13</v>
      </c>
      <c r="H1781">
        <v>320</v>
      </c>
      <c r="I1781">
        <v>1</v>
      </c>
      <c r="J1781">
        <v>0</v>
      </c>
      <c r="K1781">
        <v>564833</v>
      </c>
      <c r="L1781">
        <v>564834</v>
      </c>
      <c r="M1781">
        <v>1</v>
      </c>
      <c r="N1781" t="s">
        <v>12</v>
      </c>
      <c r="O1781" s="1">
        <v>42467.20416666667</v>
      </c>
      <c r="P1781" s="1">
        <v>42467.236111111109</v>
      </c>
    </row>
    <row r="1782" spans="1:16" x14ac:dyDescent="0.4">
      <c r="A1782">
        <v>2895</v>
      </c>
      <c r="B1782">
        <v>128169</v>
      </c>
      <c r="C1782" s="1">
        <v>42466</v>
      </c>
      <c r="D1782">
        <v>66</v>
      </c>
      <c r="E1782">
        <v>39</v>
      </c>
      <c r="F1782" t="s">
        <v>135</v>
      </c>
      <c r="G1782">
        <v>13</v>
      </c>
      <c r="H1782">
        <v>320</v>
      </c>
      <c r="I1782">
        <v>1</v>
      </c>
      <c r="J1782">
        <v>0</v>
      </c>
      <c r="K1782">
        <v>564835</v>
      </c>
      <c r="L1782">
        <v>564836</v>
      </c>
      <c r="M1782">
        <v>1</v>
      </c>
      <c r="N1782" t="s">
        <v>12</v>
      </c>
      <c r="O1782" s="1">
        <v>42467.143750000003</v>
      </c>
      <c r="P1782" s="1">
        <v>42467.236111111109</v>
      </c>
    </row>
    <row r="1783" spans="1:16" x14ac:dyDescent="0.4">
      <c r="A1783">
        <v>2896</v>
      </c>
      <c r="B1783">
        <v>128169</v>
      </c>
      <c r="C1783" s="1">
        <v>42466</v>
      </c>
      <c r="D1783">
        <v>59</v>
      </c>
      <c r="E1783">
        <v>32</v>
      </c>
      <c r="F1783" t="s">
        <v>152</v>
      </c>
      <c r="G1783">
        <v>13</v>
      </c>
      <c r="H1783">
        <v>320</v>
      </c>
      <c r="I1783">
        <v>1</v>
      </c>
      <c r="J1783">
        <v>0</v>
      </c>
      <c r="K1783">
        <v>564837</v>
      </c>
      <c r="L1783">
        <v>564838</v>
      </c>
      <c r="M1783">
        <v>1</v>
      </c>
      <c r="N1783" t="s">
        <v>12</v>
      </c>
      <c r="O1783" s="1">
        <v>42467.177083333336</v>
      </c>
      <c r="P1783" s="1">
        <v>42467.236111111109</v>
      </c>
    </row>
    <row r="1784" spans="1:16" x14ac:dyDescent="0.4">
      <c r="A1784">
        <v>2897</v>
      </c>
      <c r="B1784">
        <v>128261</v>
      </c>
      <c r="C1784" s="1">
        <v>42468</v>
      </c>
      <c r="D1784">
        <v>102</v>
      </c>
      <c r="E1784">
        <v>26</v>
      </c>
      <c r="F1784" t="s">
        <v>16</v>
      </c>
      <c r="G1784">
        <v>5</v>
      </c>
      <c r="H1784">
        <v>480</v>
      </c>
      <c r="I1784">
        <v>1</v>
      </c>
      <c r="J1784">
        <v>0</v>
      </c>
      <c r="K1784">
        <v>565185</v>
      </c>
      <c r="L1784">
        <v>565186</v>
      </c>
      <c r="M1784">
        <v>90</v>
      </c>
      <c r="N1784" t="s">
        <v>9</v>
      </c>
      <c r="O1784" s="1">
        <v>42468.736111111109</v>
      </c>
      <c r="P1784" s="1">
        <v>42468.737500000003</v>
      </c>
    </row>
    <row r="1785" spans="1:16" x14ac:dyDescent="0.4">
      <c r="A1785">
        <v>2898</v>
      </c>
      <c r="B1785">
        <v>128307</v>
      </c>
      <c r="C1785" s="1">
        <v>42468</v>
      </c>
      <c r="D1785">
        <v>161</v>
      </c>
      <c r="E1785">
        <v>115</v>
      </c>
      <c r="F1785" t="s">
        <v>101</v>
      </c>
      <c r="G1785">
        <v>4</v>
      </c>
      <c r="H1785">
        <v>550</v>
      </c>
      <c r="I1785">
        <v>1</v>
      </c>
      <c r="J1785">
        <v>0</v>
      </c>
      <c r="K1785">
        <v>565533</v>
      </c>
      <c r="L1785">
        <v>565534</v>
      </c>
      <c r="M1785">
        <v>1</v>
      </c>
      <c r="N1785" t="s">
        <v>12</v>
      </c>
      <c r="O1785" s="1">
        <v>42469.070138888892</v>
      </c>
      <c r="P1785" s="1">
        <v>42469.229166666664</v>
      </c>
    </row>
    <row r="1786" spans="1:16" x14ac:dyDescent="0.4">
      <c r="A1786">
        <v>2899</v>
      </c>
      <c r="B1786">
        <v>128613</v>
      </c>
      <c r="C1786" s="1">
        <v>42473</v>
      </c>
      <c r="D1786">
        <v>213</v>
      </c>
      <c r="E1786">
        <v>211</v>
      </c>
      <c r="F1786" t="s">
        <v>46</v>
      </c>
      <c r="G1786">
        <v>1</v>
      </c>
      <c r="H1786">
        <v>0</v>
      </c>
      <c r="I1786">
        <v>2</v>
      </c>
      <c r="J1786">
        <v>0</v>
      </c>
      <c r="K1786">
        <v>566819</v>
      </c>
      <c r="L1786">
        <v>566820</v>
      </c>
      <c r="M1786">
        <v>1</v>
      </c>
      <c r="N1786" t="s">
        <v>12</v>
      </c>
      <c r="O1786" s="1">
        <v>42473.884027777778</v>
      </c>
      <c r="P1786" s="1">
        <v>42473.907638888886</v>
      </c>
    </row>
    <row r="1787" spans="1:16" x14ac:dyDescent="0.4">
      <c r="A1787">
        <v>2900</v>
      </c>
      <c r="B1787">
        <v>128739</v>
      </c>
      <c r="C1787" s="1">
        <v>42475</v>
      </c>
      <c r="D1787">
        <v>294</v>
      </c>
      <c r="E1787">
        <v>550</v>
      </c>
      <c r="F1787" t="s">
        <v>122</v>
      </c>
      <c r="G1787">
        <v>4</v>
      </c>
      <c r="H1787">
        <v>500</v>
      </c>
      <c r="I1787">
        <v>1</v>
      </c>
      <c r="J1787">
        <v>0</v>
      </c>
      <c r="K1787">
        <v>567453</v>
      </c>
      <c r="L1787">
        <v>567454</v>
      </c>
      <c r="M1787">
        <v>84</v>
      </c>
      <c r="N1787" t="s">
        <v>299</v>
      </c>
      <c r="O1787" s="1">
        <v>42476.102777777778</v>
      </c>
      <c r="P1787" s="1">
        <v>42476.114583333336</v>
      </c>
    </row>
    <row r="1788" spans="1:16" x14ac:dyDescent="0.4">
      <c r="A1788">
        <v>2901</v>
      </c>
      <c r="B1788">
        <v>128827</v>
      </c>
      <c r="C1788" s="1">
        <v>42476</v>
      </c>
      <c r="D1788">
        <v>186</v>
      </c>
      <c r="E1788">
        <v>225</v>
      </c>
      <c r="F1788" t="s">
        <v>34</v>
      </c>
      <c r="G1788">
        <v>3</v>
      </c>
      <c r="H1788">
        <v>350</v>
      </c>
      <c r="I1788">
        <v>2</v>
      </c>
      <c r="J1788">
        <v>0</v>
      </c>
      <c r="K1788">
        <v>567937</v>
      </c>
      <c r="L1788">
        <v>567938</v>
      </c>
      <c r="M1788">
        <v>1</v>
      </c>
      <c r="N1788" t="s">
        <v>12</v>
      </c>
      <c r="O1788" s="1">
        <v>42477.081944444442</v>
      </c>
      <c r="P1788" s="1">
        <v>42477.083333333336</v>
      </c>
    </row>
    <row r="1789" spans="1:16" x14ac:dyDescent="0.4">
      <c r="A1789">
        <v>2902</v>
      </c>
      <c r="B1789">
        <v>128973</v>
      </c>
      <c r="C1789" s="1">
        <v>42478</v>
      </c>
      <c r="D1789">
        <v>148</v>
      </c>
      <c r="E1789">
        <v>124</v>
      </c>
      <c r="F1789" t="s">
        <v>35</v>
      </c>
      <c r="G1789">
        <v>6</v>
      </c>
      <c r="H1789">
        <v>450</v>
      </c>
      <c r="I1789">
        <v>1</v>
      </c>
      <c r="J1789">
        <v>0</v>
      </c>
      <c r="K1789">
        <v>568497</v>
      </c>
      <c r="L1789">
        <v>568498</v>
      </c>
      <c r="M1789">
        <v>1</v>
      </c>
      <c r="N1789" t="s">
        <v>12</v>
      </c>
      <c r="O1789" s="1">
        <v>42479.06527777778</v>
      </c>
      <c r="P1789" s="1">
        <v>42479.070138888892</v>
      </c>
    </row>
    <row r="1790" spans="1:16" x14ac:dyDescent="0.4">
      <c r="A1790">
        <v>2903</v>
      </c>
      <c r="B1790">
        <v>129038</v>
      </c>
      <c r="C1790" s="1">
        <v>42480</v>
      </c>
      <c r="D1790">
        <v>290</v>
      </c>
      <c r="E1790">
        <v>1260</v>
      </c>
      <c r="F1790" t="s">
        <v>22</v>
      </c>
      <c r="G1790">
        <v>18</v>
      </c>
      <c r="H1790">
        <v>500</v>
      </c>
      <c r="I1790">
        <v>1</v>
      </c>
      <c r="J1790">
        <v>0</v>
      </c>
      <c r="K1790">
        <v>568816</v>
      </c>
      <c r="L1790">
        <v>568817</v>
      </c>
      <c r="M1790">
        <v>96</v>
      </c>
      <c r="N1790" t="s">
        <v>7</v>
      </c>
      <c r="O1790" s="1">
        <v>42480.550694444442</v>
      </c>
      <c r="P1790" s="1">
        <v>42480.554861111108</v>
      </c>
    </row>
    <row r="1791" spans="1:16" x14ac:dyDescent="0.4">
      <c r="A1791">
        <v>2904</v>
      </c>
      <c r="B1791">
        <v>129080</v>
      </c>
      <c r="C1791" s="1">
        <v>42480</v>
      </c>
      <c r="D1791">
        <v>315</v>
      </c>
      <c r="E1791">
        <v>244</v>
      </c>
      <c r="F1791" t="s">
        <v>141</v>
      </c>
      <c r="G1791">
        <v>8</v>
      </c>
      <c r="H1791">
        <v>480</v>
      </c>
      <c r="I1791">
        <v>1</v>
      </c>
      <c r="J1791">
        <v>0</v>
      </c>
      <c r="K1791">
        <v>568984</v>
      </c>
      <c r="L1791">
        <v>568985</v>
      </c>
      <c r="M1791">
        <v>102</v>
      </c>
      <c r="N1791" t="s">
        <v>27</v>
      </c>
      <c r="O1791" s="1">
        <v>42480.899305555555</v>
      </c>
      <c r="P1791" s="1">
        <v>42480.952777777777</v>
      </c>
    </row>
    <row r="1792" spans="1:16" x14ac:dyDescent="0.4">
      <c r="A1792">
        <v>2905</v>
      </c>
      <c r="B1792">
        <v>129116</v>
      </c>
      <c r="C1792" s="1">
        <v>42481</v>
      </c>
      <c r="D1792">
        <v>280</v>
      </c>
      <c r="E1792">
        <v>1266</v>
      </c>
      <c r="F1792" t="s">
        <v>13</v>
      </c>
      <c r="G1792">
        <v>20</v>
      </c>
      <c r="H1792">
        <v>680</v>
      </c>
      <c r="I1792">
        <v>2</v>
      </c>
      <c r="J1792">
        <v>1</v>
      </c>
      <c r="K1792">
        <v>569127</v>
      </c>
      <c r="L1792">
        <v>569128</v>
      </c>
      <c r="M1792">
        <v>90</v>
      </c>
      <c r="N1792" t="s">
        <v>9</v>
      </c>
      <c r="O1792" s="1">
        <v>42481.754166666666</v>
      </c>
      <c r="P1792" s="1">
        <v>42481.760416666664</v>
      </c>
    </row>
    <row r="1793" spans="1:16" x14ac:dyDescent="0.4">
      <c r="A1793">
        <v>2906</v>
      </c>
      <c r="B1793">
        <v>129125</v>
      </c>
      <c r="C1793" s="1">
        <v>42481</v>
      </c>
      <c r="D1793">
        <v>184</v>
      </c>
      <c r="E1793">
        <v>42</v>
      </c>
      <c r="F1793" t="s">
        <v>255</v>
      </c>
      <c r="G1793">
        <v>1</v>
      </c>
      <c r="H1793">
        <v>320</v>
      </c>
      <c r="I1793">
        <v>1</v>
      </c>
      <c r="J1793">
        <v>0</v>
      </c>
      <c r="K1793">
        <v>569162</v>
      </c>
      <c r="L1793">
        <v>569163</v>
      </c>
      <c r="M1793">
        <v>90</v>
      </c>
      <c r="N1793" t="s">
        <v>9</v>
      </c>
      <c r="O1793" s="1">
        <v>42481.870833333334</v>
      </c>
      <c r="P1793" s="1">
        <v>42481.886111111111</v>
      </c>
    </row>
    <row r="1794" spans="1:16" x14ac:dyDescent="0.4">
      <c r="A1794">
        <v>2907</v>
      </c>
      <c r="B1794">
        <v>129138</v>
      </c>
      <c r="C1794" s="1">
        <v>42481</v>
      </c>
      <c r="D1794">
        <v>188</v>
      </c>
      <c r="E1794">
        <v>227</v>
      </c>
      <c r="F1794" t="s">
        <v>113</v>
      </c>
      <c r="G1794">
        <v>7</v>
      </c>
      <c r="H1794">
        <v>280</v>
      </c>
      <c r="I1794">
        <v>2</v>
      </c>
      <c r="J1794">
        <v>0</v>
      </c>
      <c r="K1794">
        <v>569293</v>
      </c>
      <c r="L1794">
        <v>569294</v>
      </c>
      <c r="M1794">
        <v>97</v>
      </c>
      <c r="N1794" t="s">
        <v>17</v>
      </c>
      <c r="O1794" s="1">
        <v>42482.06527777778</v>
      </c>
      <c r="P1794" s="1">
        <v>42482.06527777778</v>
      </c>
    </row>
    <row r="1795" spans="1:16" x14ac:dyDescent="0.4">
      <c r="A1795">
        <v>2908</v>
      </c>
      <c r="B1795">
        <v>129183</v>
      </c>
      <c r="C1795" s="1">
        <v>42482</v>
      </c>
      <c r="D1795">
        <v>305</v>
      </c>
      <c r="E1795">
        <v>3125</v>
      </c>
      <c r="F1795" t="s">
        <v>102</v>
      </c>
      <c r="G1795">
        <v>3</v>
      </c>
      <c r="H1795">
        <v>0</v>
      </c>
      <c r="I1795">
        <v>1</v>
      </c>
      <c r="J1795">
        <v>0</v>
      </c>
      <c r="K1795">
        <v>569464</v>
      </c>
      <c r="L1795">
        <v>569465</v>
      </c>
      <c r="M1795">
        <v>101</v>
      </c>
      <c r="N1795" t="s">
        <v>306</v>
      </c>
      <c r="O1795" s="1">
        <v>42482.79791666667</v>
      </c>
      <c r="P1795" s="1">
        <v>42482.79791666667</v>
      </c>
    </row>
    <row r="1796" spans="1:16" x14ac:dyDescent="0.4">
      <c r="A1796">
        <v>2909</v>
      </c>
      <c r="B1796">
        <v>129649</v>
      </c>
      <c r="C1796" s="1">
        <v>42488</v>
      </c>
      <c r="D1796">
        <v>188</v>
      </c>
      <c r="E1796">
        <v>227</v>
      </c>
      <c r="F1796" t="s">
        <v>113</v>
      </c>
      <c r="G1796">
        <v>4</v>
      </c>
      <c r="H1796">
        <v>280</v>
      </c>
      <c r="I1796">
        <v>1</v>
      </c>
      <c r="J1796">
        <v>0</v>
      </c>
      <c r="K1796">
        <v>571607</v>
      </c>
      <c r="L1796">
        <v>571608</v>
      </c>
      <c r="M1796">
        <v>1</v>
      </c>
      <c r="N1796" t="s">
        <v>12</v>
      </c>
      <c r="O1796" s="1">
        <v>42489.018055555556</v>
      </c>
      <c r="P1796" s="1">
        <v>42489.018055555556</v>
      </c>
    </row>
    <row r="1797" spans="1:16" x14ac:dyDescent="0.4">
      <c r="A1797">
        <v>2910</v>
      </c>
      <c r="B1797">
        <v>129651</v>
      </c>
      <c r="C1797" s="1">
        <v>42488</v>
      </c>
      <c r="D1797">
        <v>87</v>
      </c>
      <c r="E1797">
        <v>68</v>
      </c>
      <c r="F1797" t="s">
        <v>123</v>
      </c>
      <c r="G1797">
        <v>14</v>
      </c>
      <c r="H1797">
        <v>400</v>
      </c>
      <c r="I1797">
        <v>1</v>
      </c>
      <c r="J1797">
        <v>0</v>
      </c>
      <c r="K1797">
        <v>571684</v>
      </c>
      <c r="L1797">
        <v>571685</v>
      </c>
      <c r="M1797">
        <v>90</v>
      </c>
      <c r="N1797" t="s">
        <v>9</v>
      </c>
      <c r="O1797" s="1">
        <v>42489.132638888892</v>
      </c>
      <c r="P1797" s="1">
        <v>42489.134027777778</v>
      </c>
    </row>
    <row r="1798" spans="1:16" x14ac:dyDescent="0.4">
      <c r="A1798">
        <v>2911</v>
      </c>
      <c r="B1798">
        <v>129728</v>
      </c>
      <c r="C1798" s="1">
        <v>42489</v>
      </c>
      <c r="D1798">
        <v>290</v>
      </c>
      <c r="E1798">
        <v>1260</v>
      </c>
      <c r="F1798" t="s">
        <v>22</v>
      </c>
      <c r="G1798">
        <v>6</v>
      </c>
      <c r="H1798">
        <v>500</v>
      </c>
      <c r="I1798">
        <v>1</v>
      </c>
      <c r="J1798">
        <v>0</v>
      </c>
      <c r="K1798">
        <v>571977</v>
      </c>
      <c r="L1798">
        <v>571978</v>
      </c>
      <c r="M1798">
        <v>84</v>
      </c>
      <c r="N1798" t="s">
        <v>299</v>
      </c>
      <c r="O1798" s="1">
        <v>42489.868750000001</v>
      </c>
      <c r="P1798" s="1">
        <v>42489.868750000001</v>
      </c>
    </row>
    <row r="1799" spans="1:16" x14ac:dyDescent="0.4">
      <c r="A1799">
        <v>2912</v>
      </c>
      <c r="B1799">
        <v>129755</v>
      </c>
      <c r="C1799" s="1">
        <v>42489</v>
      </c>
      <c r="D1799">
        <v>205</v>
      </c>
      <c r="E1799">
        <v>400</v>
      </c>
      <c r="F1799" t="s">
        <v>125</v>
      </c>
      <c r="G1799">
        <v>3</v>
      </c>
      <c r="H1799">
        <v>320</v>
      </c>
      <c r="I1799">
        <v>1</v>
      </c>
      <c r="J1799">
        <v>0</v>
      </c>
      <c r="K1799">
        <v>572211</v>
      </c>
      <c r="L1799">
        <v>572212</v>
      </c>
      <c r="M1799">
        <v>98</v>
      </c>
      <c r="N1799" t="s">
        <v>14</v>
      </c>
      <c r="O1799" s="1">
        <v>42490.113888888889</v>
      </c>
      <c r="P1799" s="1">
        <v>42490.114583333336</v>
      </c>
    </row>
    <row r="1800" spans="1:16" x14ac:dyDescent="0.4">
      <c r="A1800">
        <v>2913</v>
      </c>
      <c r="B1800">
        <v>129755</v>
      </c>
      <c r="C1800" s="1">
        <v>42489</v>
      </c>
      <c r="D1800">
        <v>268</v>
      </c>
      <c r="E1800">
        <v>702</v>
      </c>
      <c r="F1800" t="s">
        <v>210</v>
      </c>
      <c r="G1800">
        <v>3</v>
      </c>
      <c r="H1800">
        <v>0</v>
      </c>
      <c r="I1800">
        <v>1</v>
      </c>
      <c r="J1800">
        <v>0</v>
      </c>
      <c r="K1800">
        <v>572213</v>
      </c>
      <c r="L1800">
        <v>572214</v>
      </c>
      <c r="M1800">
        <v>98</v>
      </c>
      <c r="N1800" t="s">
        <v>14</v>
      </c>
      <c r="O1800" s="1">
        <v>42490.113888888889</v>
      </c>
      <c r="P1800" s="1">
        <v>42490.114583333336</v>
      </c>
    </row>
    <row r="1801" spans="1:16" x14ac:dyDescent="0.4">
      <c r="A1801">
        <v>2914</v>
      </c>
      <c r="B1801">
        <v>129857</v>
      </c>
      <c r="C1801" s="1">
        <v>42490</v>
      </c>
      <c r="D1801">
        <v>263</v>
      </c>
      <c r="E1801">
        <v>430</v>
      </c>
      <c r="F1801" t="s">
        <v>133</v>
      </c>
      <c r="G1801">
        <v>20</v>
      </c>
      <c r="H1801">
        <v>320</v>
      </c>
      <c r="I1801">
        <v>1</v>
      </c>
      <c r="J1801">
        <v>0</v>
      </c>
      <c r="K1801">
        <v>572671</v>
      </c>
      <c r="L1801">
        <v>572672</v>
      </c>
      <c r="M1801">
        <v>1</v>
      </c>
      <c r="N1801" t="s">
        <v>12</v>
      </c>
      <c r="O1801" s="1">
        <v>42490.975694444445</v>
      </c>
      <c r="P1801" s="1">
        <v>42490.987500000003</v>
      </c>
    </row>
    <row r="1802" spans="1:16" x14ac:dyDescent="0.4">
      <c r="A1802">
        <v>2915</v>
      </c>
      <c r="B1802">
        <v>129857</v>
      </c>
      <c r="C1802" s="1">
        <v>42490</v>
      </c>
      <c r="D1802">
        <v>71</v>
      </c>
      <c r="E1802">
        <v>52</v>
      </c>
      <c r="F1802" t="s">
        <v>23</v>
      </c>
      <c r="G1802">
        <v>20</v>
      </c>
      <c r="H1802">
        <v>400</v>
      </c>
      <c r="I1802">
        <v>2</v>
      </c>
      <c r="J1802">
        <v>0</v>
      </c>
      <c r="K1802">
        <v>572673</v>
      </c>
      <c r="L1802">
        <v>572674</v>
      </c>
      <c r="M1802">
        <v>1</v>
      </c>
      <c r="N1802" t="s">
        <v>12</v>
      </c>
      <c r="O1802" s="1">
        <v>42490.975694444445</v>
      </c>
      <c r="P1802" s="1">
        <v>42490.987500000003</v>
      </c>
    </row>
    <row r="1803" spans="1:16" x14ac:dyDescent="0.4">
      <c r="A1803">
        <v>2916</v>
      </c>
      <c r="B1803">
        <v>130020</v>
      </c>
      <c r="C1803" s="1">
        <v>42492</v>
      </c>
      <c r="D1803">
        <v>175</v>
      </c>
      <c r="E1803">
        <v>109</v>
      </c>
      <c r="F1803" t="s">
        <v>144</v>
      </c>
      <c r="G1803">
        <v>2</v>
      </c>
      <c r="H1803">
        <v>300</v>
      </c>
      <c r="I1803">
        <v>1</v>
      </c>
      <c r="J1803">
        <v>0</v>
      </c>
      <c r="K1803">
        <v>573514</v>
      </c>
      <c r="L1803">
        <v>573515</v>
      </c>
      <c r="M1803">
        <v>100</v>
      </c>
      <c r="N1803" t="s">
        <v>1</v>
      </c>
      <c r="O1803" s="1">
        <v>42492.905555555553</v>
      </c>
      <c r="P1803" s="1">
        <v>42492.917361111111</v>
      </c>
    </row>
    <row r="1804" spans="1:16" x14ac:dyDescent="0.4">
      <c r="A1804">
        <v>2917</v>
      </c>
      <c r="B1804">
        <v>130228</v>
      </c>
      <c r="C1804" s="1">
        <v>42494</v>
      </c>
      <c r="D1804">
        <v>99</v>
      </c>
      <c r="E1804">
        <v>23</v>
      </c>
      <c r="F1804" t="s">
        <v>103</v>
      </c>
      <c r="G1804">
        <v>7</v>
      </c>
      <c r="H1804">
        <v>480</v>
      </c>
      <c r="I1804">
        <v>2</v>
      </c>
      <c r="J1804">
        <v>0</v>
      </c>
      <c r="K1804">
        <v>574425</v>
      </c>
      <c r="L1804">
        <v>574426</v>
      </c>
      <c r="M1804">
        <v>90</v>
      </c>
      <c r="N1804" t="s">
        <v>9</v>
      </c>
      <c r="O1804" s="1">
        <v>42494.861111111109</v>
      </c>
      <c r="P1804" s="1">
        <v>42494.863888888889</v>
      </c>
    </row>
    <row r="1805" spans="1:16" x14ac:dyDescent="0.4">
      <c r="A1805">
        <v>2918</v>
      </c>
      <c r="B1805">
        <v>130265</v>
      </c>
      <c r="C1805" s="1">
        <v>42494</v>
      </c>
      <c r="D1805">
        <v>122</v>
      </c>
      <c r="E1805">
        <v>142</v>
      </c>
      <c r="F1805" t="s">
        <v>25</v>
      </c>
      <c r="G1805">
        <v>3</v>
      </c>
      <c r="H1805">
        <v>350</v>
      </c>
      <c r="I1805">
        <v>1</v>
      </c>
      <c r="J1805">
        <v>0</v>
      </c>
      <c r="K1805">
        <v>574673</v>
      </c>
      <c r="L1805">
        <v>574674</v>
      </c>
      <c r="M1805">
        <v>102</v>
      </c>
      <c r="N1805" t="s">
        <v>27</v>
      </c>
      <c r="O1805" s="1">
        <v>42495.163194444445</v>
      </c>
      <c r="P1805" s="1">
        <v>42495.163888888892</v>
      </c>
    </row>
    <row r="1806" spans="1:16" x14ac:dyDescent="0.4">
      <c r="A1806">
        <v>2919</v>
      </c>
      <c r="B1806">
        <v>130383</v>
      </c>
      <c r="C1806" s="1">
        <v>42496</v>
      </c>
      <c r="D1806">
        <v>186</v>
      </c>
      <c r="E1806">
        <v>225</v>
      </c>
      <c r="F1806" t="s">
        <v>34</v>
      </c>
      <c r="G1806">
        <v>4</v>
      </c>
      <c r="H1806">
        <v>350</v>
      </c>
      <c r="I1806">
        <v>1</v>
      </c>
      <c r="J1806">
        <v>0</v>
      </c>
      <c r="K1806">
        <v>575125</v>
      </c>
      <c r="L1806">
        <v>575126</v>
      </c>
      <c r="M1806">
        <v>100</v>
      </c>
      <c r="N1806" t="s">
        <v>1</v>
      </c>
      <c r="O1806" s="1">
        <v>42496.79791666667</v>
      </c>
      <c r="P1806" s="1">
        <v>42496.79791666667</v>
      </c>
    </row>
    <row r="1807" spans="1:16" x14ac:dyDescent="0.4">
      <c r="A1807">
        <v>2920</v>
      </c>
      <c r="B1807">
        <v>130421</v>
      </c>
      <c r="C1807" s="1">
        <v>42497</v>
      </c>
      <c r="D1807">
        <v>98</v>
      </c>
      <c r="E1807">
        <v>22</v>
      </c>
      <c r="F1807" t="s">
        <v>296</v>
      </c>
      <c r="G1807">
        <v>2</v>
      </c>
      <c r="H1807">
        <v>580</v>
      </c>
      <c r="I1807">
        <v>1</v>
      </c>
      <c r="J1807">
        <v>0</v>
      </c>
      <c r="K1807">
        <v>575357</v>
      </c>
      <c r="L1807">
        <v>575358</v>
      </c>
      <c r="M1807">
        <v>96</v>
      </c>
      <c r="N1807" t="s">
        <v>7</v>
      </c>
      <c r="O1807" s="1">
        <v>42497.481249999997</v>
      </c>
      <c r="P1807" s="1">
        <v>42497.586111111108</v>
      </c>
    </row>
    <row r="1808" spans="1:16" x14ac:dyDescent="0.4">
      <c r="A1808">
        <v>2921</v>
      </c>
      <c r="B1808">
        <v>130477</v>
      </c>
      <c r="C1808" s="1">
        <v>42497</v>
      </c>
      <c r="D1808">
        <v>290</v>
      </c>
      <c r="E1808">
        <v>1260</v>
      </c>
      <c r="F1808" t="s">
        <v>22</v>
      </c>
      <c r="G1808">
        <v>20</v>
      </c>
      <c r="H1808">
        <v>500</v>
      </c>
      <c r="I1808">
        <v>2</v>
      </c>
      <c r="J1808">
        <v>0</v>
      </c>
      <c r="K1808">
        <v>575579</v>
      </c>
      <c r="L1808">
        <v>575580</v>
      </c>
      <c r="M1808">
        <v>98</v>
      </c>
      <c r="N1808" t="s">
        <v>14</v>
      </c>
      <c r="O1808" s="1">
        <v>42498.01458333333</v>
      </c>
      <c r="P1808" s="1">
        <v>42498.024305555555</v>
      </c>
    </row>
    <row r="1809" spans="1:16" x14ac:dyDescent="0.4">
      <c r="A1809">
        <v>2922</v>
      </c>
      <c r="B1809">
        <v>130747</v>
      </c>
      <c r="C1809" s="1">
        <v>42501</v>
      </c>
      <c r="D1809">
        <v>236</v>
      </c>
      <c r="E1809">
        <v>660</v>
      </c>
      <c r="F1809" t="s">
        <v>170</v>
      </c>
      <c r="G1809">
        <v>20</v>
      </c>
      <c r="H1809">
        <v>400</v>
      </c>
      <c r="I1809">
        <v>2</v>
      </c>
      <c r="J1809">
        <v>0</v>
      </c>
      <c r="K1809">
        <v>576717</v>
      </c>
      <c r="L1809">
        <v>576718</v>
      </c>
      <c r="M1809">
        <v>1</v>
      </c>
      <c r="N1809" t="s">
        <v>12</v>
      </c>
      <c r="O1809" s="1">
        <v>42502.077777777777</v>
      </c>
      <c r="P1809" s="1">
        <v>42502.095833333333</v>
      </c>
    </row>
    <row r="1810" spans="1:16" x14ac:dyDescent="0.4">
      <c r="A1810">
        <v>2923</v>
      </c>
      <c r="B1810">
        <v>130747</v>
      </c>
      <c r="C1810" s="1">
        <v>42501</v>
      </c>
      <c r="D1810">
        <v>71</v>
      </c>
      <c r="E1810">
        <v>52</v>
      </c>
      <c r="F1810" t="s">
        <v>23</v>
      </c>
      <c r="G1810">
        <v>20</v>
      </c>
      <c r="H1810">
        <v>400</v>
      </c>
      <c r="I1810">
        <v>1</v>
      </c>
      <c r="J1810">
        <v>0</v>
      </c>
      <c r="K1810">
        <v>576719</v>
      </c>
      <c r="L1810">
        <v>576720</v>
      </c>
      <c r="M1810">
        <v>1</v>
      </c>
      <c r="N1810" t="s">
        <v>12</v>
      </c>
      <c r="O1810" s="1">
        <v>42502.077777777777</v>
      </c>
      <c r="P1810" s="1">
        <v>42502.095833333333</v>
      </c>
    </row>
    <row r="1811" spans="1:16" x14ac:dyDescent="0.4">
      <c r="A1811">
        <v>2924</v>
      </c>
      <c r="B1811">
        <v>130747</v>
      </c>
      <c r="C1811" s="1">
        <v>42501</v>
      </c>
      <c r="D1811">
        <v>66</v>
      </c>
      <c r="E1811">
        <v>39</v>
      </c>
      <c r="F1811" t="s">
        <v>135</v>
      </c>
      <c r="G1811">
        <v>20</v>
      </c>
      <c r="H1811">
        <v>320</v>
      </c>
      <c r="I1811">
        <v>1</v>
      </c>
      <c r="J1811">
        <v>0</v>
      </c>
      <c r="K1811">
        <v>576721</v>
      </c>
      <c r="L1811">
        <v>576722</v>
      </c>
      <c r="M1811">
        <v>1</v>
      </c>
      <c r="N1811" t="s">
        <v>12</v>
      </c>
      <c r="O1811" s="1">
        <v>42502.095138888886</v>
      </c>
      <c r="P1811" s="1">
        <v>42502.095833333333</v>
      </c>
    </row>
    <row r="1812" spans="1:16" x14ac:dyDescent="0.4">
      <c r="A1812">
        <v>2925</v>
      </c>
      <c r="B1812">
        <v>130786</v>
      </c>
      <c r="C1812" s="1">
        <v>42502</v>
      </c>
      <c r="D1812">
        <v>246</v>
      </c>
      <c r="E1812">
        <v>59</v>
      </c>
      <c r="F1812" t="s">
        <v>92</v>
      </c>
      <c r="G1812">
        <v>7</v>
      </c>
      <c r="H1812">
        <v>400</v>
      </c>
      <c r="I1812">
        <v>1</v>
      </c>
      <c r="J1812">
        <v>0</v>
      </c>
      <c r="K1812">
        <v>576873</v>
      </c>
      <c r="L1812">
        <v>576874</v>
      </c>
      <c r="M1812">
        <v>1</v>
      </c>
      <c r="N1812" t="s">
        <v>12</v>
      </c>
      <c r="O1812" s="1">
        <v>42502.915277777778</v>
      </c>
      <c r="P1812" s="1">
        <v>42502.915277777778</v>
      </c>
    </row>
    <row r="1813" spans="1:16" x14ac:dyDescent="0.4">
      <c r="A1813">
        <v>2926</v>
      </c>
      <c r="B1813">
        <v>130786</v>
      </c>
      <c r="C1813" s="1">
        <v>42502</v>
      </c>
      <c r="D1813">
        <v>186</v>
      </c>
      <c r="E1813">
        <v>225</v>
      </c>
      <c r="F1813" t="s">
        <v>34</v>
      </c>
      <c r="G1813">
        <v>7</v>
      </c>
      <c r="H1813">
        <v>350</v>
      </c>
      <c r="I1813">
        <v>1</v>
      </c>
      <c r="J1813">
        <v>0</v>
      </c>
      <c r="K1813">
        <v>576875</v>
      </c>
      <c r="L1813">
        <v>576876</v>
      </c>
      <c r="M1813">
        <v>1</v>
      </c>
      <c r="N1813" t="s">
        <v>12</v>
      </c>
      <c r="O1813" s="1">
        <v>42502.915277777778</v>
      </c>
      <c r="P1813" s="1">
        <v>42502.915277777778</v>
      </c>
    </row>
    <row r="1814" spans="1:16" x14ac:dyDescent="0.4">
      <c r="A1814">
        <v>2927</v>
      </c>
      <c r="B1814">
        <v>130786</v>
      </c>
      <c r="C1814" s="1">
        <v>42502</v>
      </c>
      <c r="D1814">
        <v>81</v>
      </c>
      <c r="E1814">
        <v>62</v>
      </c>
      <c r="F1814" t="s">
        <v>174</v>
      </c>
      <c r="G1814">
        <v>7</v>
      </c>
      <c r="H1814">
        <v>400</v>
      </c>
      <c r="I1814">
        <v>1</v>
      </c>
      <c r="J1814">
        <v>0</v>
      </c>
      <c r="K1814">
        <v>576877</v>
      </c>
      <c r="L1814">
        <v>576878</v>
      </c>
      <c r="M1814">
        <v>1</v>
      </c>
      <c r="N1814" t="s">
        <v>12</v>
      </c>
      <c r="O1814" s="1">
        <v>42502.915277777778</v>
      </c>
      <c r="P1814" s="1">
        <v>42502.915277777778</v>
      </c>
    </row>
    <row r="1815" spans="1:16" x14ac:dyDescent="0.4">
      <c r="A1815">
        <v>2928</v>
      </c>
      <c r="B1815">
        <v>130786</v>
      </c>
      <c r="C1815" s="1">
        <v>42502</v>
      </c>
      <c r="D1815">
        <v>148</v>
      </c>
      <c r="E1815">
        <v>124</v>
      </c>
      <c r="F1815" t="s">
        <v>35</v>
      </c>
      <c r="G1815">
        <v>7</v>
      </c>
      <c r="H1815">
        <v>450</v>
      </c>
      <c r="I1815">
        <v>1</v>
      </c>
      <c r="J1815">
        <v>0</v>
      </c>
      <c r="K1815">
        <v>576879</v>
      </c>
      <c r="L1815">
        <v>576880</v>
      </c>
      <c r="M1815">
        <v>1</v>
      </c>
      <c r="N1815" t="s">
        <v>12</v>
      </c>
      <c r="O1815" s="1">
        <v>42502.915277777778</v>
      </c>
      <c r="P1815" s="1">
        <v>42502.915277777778</v>
      </c>
    </row>
    <row r="1816" spans="1:16" x14ac:dyDescent="0.4">
      <c r="A1816">
        <v>2929</v>
      </c>
      <c r="B1816">
        <v>130786</v>
      </c>
      <c r="C1816" s="1">
        <v>42502</v>
      </c>
      <c r="D1816">
        <v>185</v>
      </c>
      <c r="E1816">
        <v>278</v>
      </c>
      <c r="F1816" t="s">
        <v>147</v>
      </c>
      <c r="G1816">
        <v>7</v>
      </c>
      <c r="H1816">
        <v>300</v>
      </c>
      <c r="I1816">
        <v>1</v>
      </c>
      <c r="J1816">
        <v>0</v>
      </c>
      <c r="K1816">
        <v>576881</v>
      </c>
      <c r="L1816">
        <v>576882</v>
      </c>
      <c r="M1816">
        <v>1</v>
      </c>
      <c r="N1816" t="s">
        <v>12</v>
      </c>
      <c r="O1816" s="1">
        <v>42502.915277777778</v>
      </c>
      <c r="P1816" s="1">
        <v>42502.915277777778</v>
      </c>
    </row>
    <row r="1817" spans="1:16" x14ac:dyDescent="0.4">
      <c r="A1817">
        <v>2930</v>
      </c>
      <c r="B1817">
        <v>130786</v>
      </c>
      <c r="C1817" s="1">
        <v>42502</v>
      </c>
      <c r="D1817">
        <v>92</v>
      </c>
      <c r="E1817">
        <v>73</v>
      </c>
      <c r="F1817" t="s">
        <v>120</v>
      </c>
      <c r="G1817">
        <v>7</v>
      </c>
      <c r="H1817">
        <v>480</v>
      </c>
      <c r="I1817">
        <v>1</v>
      </c>
      <c r="J1817">
        <v>0</v>
      </c>
      <c r="K1817">
        <v>576883</v>
      </c>
      <c r="L1817">
        <v>576884</v>
      </c>
      <c r="M1817">
        <v>1</v>
      </c>
      <c r="N1817" t="s">
        <v>12</v>
      </c>
      <c r="O1817" s="1">
        <v>42502.915277777778</v>
      </c>
      <c r="P1817" s="1">
        <v>42502.915277777778</v>
      </c>
    </row>
    <row r="1818" spans="1:16" x14ac:dyDescent="0.4">
      <c r="A1818">
        <v>2931</v>
      </c>
      <c r="B1818">
        <v>130866</v>
      </c>
      <c r="C1818" s="1">
        <v>42503</v>
      </c>
      <c r="D1818">
        <v>246</v>
      </c>
      <c r="E1818">
        <v>59</v>
      </c>
      <c r="F1818" t="s">
        <v>92</v>
      </c>
      <c r="G1818">
        <v>12</v>
      </c>
      <c r="H1818">
        <v>400</v>
      </c>
      <c r="I1818">
        <v>1</v>
      </c>
      <c r="J1818">
        <v>0</v>
      </c>
      <c r="K1818">
        <v>577243</v>
      </c>
      <c r="L1818">
        <v>577244</v>
      </c>
      <c r="M1818">
        <v>1</v>
      </c>
      <c r="N1818" t="s">
        <v>12</v>
      </c>
      <c r="O1818" s="1">
        <v>42504.095833333333</v>
      </c>
      <c r="P1818" s="1">
        <v>42504.097916666666</v>
      </c>
    </row>
    <row r="1819" spans="1:16" x14ac:dyDescent="0.4">
      <c r="A1819">
        <v>2932</v>
      </c>
      <c r="B1819">
        <v>130897</v>
      </c>
      <c r="C1819" s="1">
        <v>42504</v>
      </c>
      <c r="D1819">
        <v>125</v>
      </c>
      <c r="E1819">
        <v>126</v>
      </c>
      <c r="F1819" t="s">
        <v>8</v>
      </c>
      <c r="G1819">
        <v>8</v>
      </c>
      <c r="H1819">
        <v>380</v>
      </c>
      <c r="I1819">
        <v>2</v>
      </c>
      <c r="J1819">
        <v>0</v>
      </c>
      <c r="K1819">
        <v>577377</v>
      </c>
      <c r="L1819">
        <v>577378</v>
      </c>
      <c r="M1819">
        <v>96</v>
      </c>
      <c r="N1819" t="s">
        <v>7</v>
      </c>
      <c r="O1819" s="1">
        <v>42504.630555555559</v>
      </c>
      <c r="P1819" s="1">
        <v>42504.630555555559</v>
      </c>
    </row>
    <row r="1820" spans="1:16" x14ac:dyDescent="0.4">
      <c r="A1820">
        <v>2933</v>
      </c>
      <c r="B1820">
        <v>130943</v>
      </c>
      <c r="C1820" s="1">
        <v>42504</v>
      </c>
      <c r="D1820">
        <v>180</v>
      </c>
      <c r="E1820">
        <v>299</v>
      </c>
      <c r="F1820" t="s">
        <v>305</v>
      </c>
      <c r="G1820">
        <v>16</v>
      </c>
      <c r="H1820">
        <v>350</v>
      </c>
      <c r="I1820">
        <v>1</v>
      </c>
      <c r="J1820">
        <v>0</v>
      </c>
      <c r="K1820">
        <v>577654</v>
      </c>
      <c r="L1820">
        <v>577655</v>
      </c>
      <c r="M1820">
        <v>91</v>
      </c>
      <c r="N1820" t="s">
        <v>24</v>
      </c>
      <c r="O1820" s="1">
        <v>42504.974999999999</v>
      </c>
      <c r="P1820" s="1">
        <v>42504.976388888892</v>
      </c>
    </row>
    <row r="1821" spans="1:16" x14ac:dyDescent="0.4">
      <c r="A1821">
        <v>2934</v>
      </c>
      <c r="B1821">
        <v>131086</v>
      </c>
      <c r="C1821" s="1">
        <v>42506</v>
      </c>
      <c r="D1821">
        <v>75</v>
      </c>
      <c r="E1821">
        <v>56</v>
      </c>
      <c r="F1821" t="s">
        <v>49</v>
      </c>
      <c r="G1821">
        <v>1</v>
      </c>
      <c r="H1821">
        <v>400</v>
      </c>
      <c r="I1821">
        <v>4</v>
      </c>
      <c r="J1821">
        <v>0</v>
      </c>
      <c r="K1821">
        <v>578249</v>
      </c>
      <c r="L1821">
        <v>578250</v>
      </c>
      <c r="M1821">
        <v>107</v>
      </c>
      <c r="N1821" t="s">
        <v>30</v>
      </c>
      <c r="O1821" s="1">
        <v>42506.879861111112</v>
      </c>
      <c r="P1821" s="1">
        <v>42506.893750000003</v>
      </c>
    </row>
    <row r="1822" spans="1:16" x14ac:dyDescent="0.4">
      <c r="A1822">
        <v>2935</v>
      </c>
      <c r="B1822">
        <v>131086</v>
      </c>
      <c r="C1822" s="1">
        <v>42506</v>
      </c>
      <c r="D1822">
        <v>75</v>
      </c>
      <c r="E1822">
        <v>56</v>
      </c>
      <c r="F1822" t="s">
        <v>49</v>
      </c>
      <c r="G1822">
        <v>1</v>
      </c>
      <c r="H1822">
        <v>400</v>
      </c>
      <c r="I1822">
        <v>2</v>
      </c>
      <c r="J1822">
        <v>0</v>
      </c>
      <c r="K1822">
        <v>578251</v>
      </c>
      <c r="L1822">
        <v>578252</v>
      </c>
      <c r="M1822">
        <v>107</v>
      </c>
      <c r="N1822" t="s">
        <v>30</v>
      </c>
      <c r="O1822" s="1">
        <v>42506.893750000003</v>
      </c>
      <c r="P1822" s="1">
        <v>42506.893750000003</v>
      </c>
    </row>
    <row r="1823" spans="1:16" x14ac:dyDescent="0.4">
      <c r="A1823">
        <v>2936</v>
      </c>
      <c r="B1823">
        <v>131096</v>
      </c>
      <c r="C1823" s="1">
        <v>42506</v>
      </c>
      <c r="D1823">
        <v>310</v>
      </c>
      <c r="E1823">
        <v>315</v>
      </c>
      <c r="F1823" t="s">
        <v>298</v>
      </c>
      <c r="G1823">
        <v>6</v>
      </c>
      <c r="H1823">
        <v>500</v>
      </c>
      <c r="I1823">
        <v>1</v>
      </c>
      <c r="J1823">
        <v>0</v>
      </c>
      <c r="K1823">
        <v>578341</v>
      </c>
      <c r="L1823">
        <v>578342</v>
      </c>
      <c r="M1823">
        <v>1</v>
      </c>
      <c r="N1823" t="s">
        <v>12</v>
      </c>
      <c r="O1823" s="1">
        <v>42507.027083333334</v>
      </c>
      <c r="P1823" s="1">
        <v>42507.23333333333</v>
      </c>
    </row>
    <row r="1824" spans="1:16" x14ac:dyDescent="0.4">
      <c r="A1824">
        <v>2937</v>
      </c>
      <c r="B1824">
        <v>131204</v>
      </c>
      <c r="C1824" s="1">
        <v>42508</v>
      </c>
      <c r="D1824">
        <v>98</v>
      </c>
      <c r="E1824">
        <v>22</v>
      </c>
      <c r="F1824" t="s">
        <v>296</v>
      </c>
      <c r="G1824">
        <v>11</v>
      </c>
      <c r="H1824">
        <v>580</v>
      </c>
      <c r="I1824">
        <v>1</v>
      </c>
      <c r="J1824">
        <v>0</v>
      </c>
      <c r="K1824">
        <v>578719</v>
      </c>
      <c r="L1824">
        <v>578720</v>
      </c>
      <c r="M1824">
        <v>90</v>
      </c>
      <c r="N1824" t="s">
        <v>9</v>
      </c>
      <c r="O1824" s="1">
        <v>42508.892361111109</v>
      </c>
      <c r="P1824" s="1">
        <v>42508.895138888889</v>
      </c>
    </row>
    <row r="1825" spans="1:16" x14ac:dyDescent="0.4">
      <c r="A1825">
        <v>2938</v>
      </c>
      <c r="B1825">
        <v>131216</v>
      </c>
      <c r="C1825" s="1">
        <v>42508</v>
      </c>
      <c r="D1825">
        <v>213</v>
      </c>
      <c r="E1825">
        <v>211</v>
      </c>
      <c r="F1825" t="s">
        <v>46</v>
      </c>
      <c r="G1825">
        <v>12</v>
      </c>
      <c r="H1825">
        <v>0</v>
      </c>
      <c r="I1825">
        <v>2</v>
      </c>
      <c r="J1825">
        <v>0</v>
      </c>
      <c r="K1825">
        <v>578793</v>
      </c>
      <c r="L1825">
        <v>578794</v>
      </c>
      <c r="M1825">
        <v>1</v>
      </c>
      <c r="N1825" t="s">
        <v>12</v>
      </c>
      <c r="O1825" s="1">
        <v>42509.087500000001</v>
      </c>
      <c r="P1825" s="1">
        <v>42509.155555555553</v>
      </c>
    </row>
    <row r="1826" spans="1:16" x14ac:dyDescent="0.4">
      <c r="A1826">
        <v>2939</v>
      </c>
      <c r="B1826">
        <v>131440</v>
      </c>
      <c r="C1826" s="1">
        <v>42511</v>
      </c>
      <c r="D1826">
        <v>186</v>
      </c>
      <c r="E1826">
        <v>225</v>
      </c>
      <c r="F1826" t="s">
        <v>34</v>
      </c>
      <c r="G1826">
        <v>20</v>
      </c>
      <c r="H1826">
        <v>350</v>
      </c>
      <c r="I1826">
        <v>1</v>
      </c>
      <c r="J1826">
        <v>0</v>
      </c>
      <c r="K1826">
        <v>579783</v>
      </c>
      <c r="L1826">
        <v>579784</v>
      </c>
      <c r="M1826">
        <v>1</v>
      </c>
      <c r="N1826" t="s">
        <v>12</v>
      </c>
      <c r="O1826" s="1">
        <v>42512.060416666667</v>
      </c>
      <c r="P1826" s="1">
        <v>42512.061111111114</v>
      </c>
    </row>
    <row r="1827" spans="1:16" x14ac:dyDescent="0.4">
      <c r="A1827">
        <v>2940</v>
      </c>
      <c r="B1827">
        <v>131566</v>
      </c>
      <c r="C1827" s="1">
        <v>42513</v>
      </c>
      <c r="D1827">
        <v>248</v>
      </c>
      <c r="E1827">
        <v>240</v>
      </c>
      <c r="F1827" t="s">
        <v>104</v>
      </c>
      <c r="G1827">
        <v>4</v>
      </c>
      <c r="H1827">
        <v>420</v>
      </c>
      <c r="I1827">
        <v>1</v>
      </c>
      <c r="J1827">
        <v>0</v>
      </c>
      <c r="K1827">
        <v>580352</v>
      </c>
      <c r="L1827">
        <v>580353</v>
      </c>
      <c r="M1827">
        <v>1</v>
      </c>
      <c r="N1827" t="s">
        <v>12</v>
      </c>
      <c r="O1827" s="1">
        <v>42513.82916666667</v>
      </c>
      <c r="P1827" s="1">
        <v>42513.922222222223</v>
      </c>
    </row>
    <row r="1828" spans="1:16" x14ac:dyDescent="0.4">
      <c r="A1828">
        <v>2941</v>
      </c>
      <c r="B1828">
        <v>131566</v>
      </c>
      <c r="C1828" s="1">
        <v>42513</v>
      </c>
      <c r="D1828">
        <v>248</v>
      </c>
      <c r="E1828">
        <v>240</v>
      </c>
      <c r="F1828" t="s">
        <v>104</v>
      </c>
      <c r="G1828">
        <v>4</v>
      </c>
      <c r="H1828">
        <v>420</v>
      </c>
      <c r="I1828">
        <v>2</v>
      </c>
      <c r="J1828">
        <v>0</v>
      </c>
      <c r="K1828">
        <v>580354</v>
      </c>
      <c r="L1828">
        <v>580355</v>
      </c>
      <c r="M1828">
        <v>1</v>
      </c>
      <c r="N1828" t="s">
        <v>12</v>
      </c>
      <c r="O1828" s="1">
        <v>42513.855555555558</v>
      </c>
      <c r="P1828" s="1">
        <v>42513.922222222223</v>
      </c>
    </row>
    <row r="1829" spans="1:16" x14ac:dyDescent="0.4">
      <c r="A1829">
        <v>2942</v>
      </c>
      <c r="B1829">
        <v>131566</v>
      </c>
      <c r="C1829" s="1">
        <v>42513</v>
      </c>
      <c r="D1829">
        <v>248</v>
      </c>
      <c r="E1829">
        <v>240</v>
      </c>
      <c r="F1829" t="s">
        <v>104</v>
      </c>
      <c r="G1829">
        <v>4</v>
      </c>
      <c r="H1829">
        <v>420</v>
      </c>
      <c r="I1829">
        <v>2</v>
      </c>
      <c r="J1829">
        <v>0</v>
      </c>
      <c r="K1829">
        <v>580356</v>
      </c>
      <c r="L1829">
        <v>580357</v>
      </c>
      <c r="M1829">
        <v>1</v>
      </c>
      <c r="N1829" t="s">
        <v>12</v>
      </c>
      <c r="O1829" s="1">
        <v>42513.917361111111</v>
      </c>
      <c r="P1829" s="1">
        <v>42513.922222222223</v>
      </c>
    </row>
    <row r="1830" spans="1:16" x14ac:dyDescent="0.4">
      <c r="A1830">
        <v>2943</v>
      </c>
      <c r="B1830">
        <v>131566</v>
      </c>
      <c r="C1830" s="1">
        <v>42513</v>
      </c>
      <c r="D1830">
        <v>248</v>
      </c>
      <c r="E1830">
        <v>240</v>
      </c>
      <c r="F1830" t="s">
        <v>104</v>
      </c>
      <c r="G1830">
        <v>4</v>
      </c>
      <c r="H1830">
        <v>420</v>
      </c>
      <c r="I1830">
        <v>2</v>
      </c>
      <c r="J1830">
        <v>0</v>
      </c>
      <c r="K1830">
        <v>580358</v>
      </c>
      <c r="L1830">
        <v>580359</v>
      </c>
      <c r="M1830">
        <v>1</v>
      </c>
      <c r="N1830" t="s">
        <v>12</v>
      </c>
      <c r="O1830" s="1">
        <v>42513.886805555558</v>
      </c>
      <c r="P1830" s="1">
        <v>42513.922222222223</v>
      </c>
    </row>
    <row r="1831" spans="1:16" x14ac:dyDescent="0.4">
      <c r="A1831">
        <v>2944</v>
      </c>
      <c r="B1831">
        <v>131566</v>
      </c>
      <c r="C1831" s="1">
        <v>42513</v>
      </c>
      <c r="D1831">
        <v>249</v>
      </c>
      <c r="E1831">
        <v>241</v>
      </c>
      <c r="F1831" t="s">
        <v>140</v>
      </c>
      <c r="G1831">
        <v>4</v>
      </c>
      <c r="H1831">
        <v>420</v>
      </c>
      <c r="I1831">
        <v>1</v>
      </c>
      <c r="J1831">
        <v>0</v>
      </c>
      <c r="K1831">
        <v>580360</v>
      </c>
      <c r="L1831">
        <v>580361</v>
      </c>
      <c r="M1831">
        <v>1</v>
      </c>
      <c r="N1831" t="s">
        <v>12</v>
      </c>
      <c r="O1831" s="1">
        <v>42513.82916666667</v>
      </c>
      <c r="P1831" s="1">
        <v>42513.922222222223</v>
      </c>
    </row>
    <row r="1832" spans="1:16" x14ac:dyDescent="0.4">
      <c r="A1832">
        <v>2945</v>
      </c>
      <c r="B1832">
        <v>131891</v>
      </c>
      <c r="C1832" s="1">
        <v>42518</v>
      </c>
      <c r="D1832">
        <v>97</v>
      </c>
      <c r="E1832">
        <v>21</v>
      </c>
      <c r="F1832" t="s">
        <v>6</v>
      </c>
      <c r="G1832">
        <v>6</v>
      </c>
      <c r="H1832">
        <v>420</v>
      </c>
      <c r="I1832">
        <v>1</v>
      </c>
      <c r="J1832">
        <v>0</v>
      </c>
      <c r="K1832">
        <v>581713</v>
      </c>
      <c r="L1832">
        <v>581714</v>
      </c>
      <c r="M1832">
        <v>102</v>
      </c>
      <c r="N1832" t="s">
        <v>27</v>
      </c>
      <c r="O1832" s="1">
        <v>42518.738194444442</v>
      </c>
      <c r="P1832" s="1">
        <v>42518.859722222223</v>
      </c>
    </row>
    <row r="1833" spans="1:16" x14ac:dyDescent="0.4">
      <c r="A1833">
        <v>2946</v>
      </c>
      <c r="B1833">
        <v>131891</v>
      </c>
      <c r="C1833" s="1">
        <v>42518</v>
      </c>
      <c r="D1833">
        <v>97</v>
      </c>
      <c r="E1833">
        <v>21</v>
      </c>
      <c r="F1833" t="s">
        <v>6</v>
      </c>
      <c r="G1833">
        <v>6</v>
      </c>
      <c r="H1833">
        <v>420</v>
      </c>
      <c r="I1833">
        <v>1</v>
      </c>
      <c r="J1833">
        <v>0</v>
      </c>
      <c r="K1833">
        <v>581715</v>
      </c>
      <c r="L1833">
        <v>581716</v>
      </c>
      <c r="M1833">
        <v>102</v>
      </c>
      <c r="N1833" t="s">
        <v>27</v>
      </c>
      <c r="O1833" s="1">
        <v>42518.802083333336</v>
      </c>
      <c r="P1833" s="1">
        <v>42518.86041666667</v>
      </c>
    </row>
    <row r="1834" spans="1:16" x14ac:dyDescent="0.4">
      <c r="A1834">
        <v>2947</v>
      </c>
      <c r="B1834">
        <v>131891</v>
      </c>
      <c r="C1834" s="1">
        <v>42518</v>
      </c>
      <c r="D1834">
        <v>97</v>
      </c>
      <c r="E1834">
        <v>21</v>
      </c>
      <c r="F1834" t="s">
        <v>6</v>
      </c>
      <c r="G1834">
        <v>6</v>
      </c>
      <c r="H1834">
        <v>420</v>
      </c>
      <c r="I1834">
        <v>1</v>
      </c>
      <c r="J1834">
        <v>0</v>
      </c>
      <c r="K1834">
        <v>581717</v>
      </c>
      <c r="L1834">
        <v>581718</v>
      </c>
      <c r="M1834">
        <v>102</v>
      </c>
      <c r="N1834" t="s">
        <v>27</v>
      </c>
      <c r="O1834" s="1">
        <v>42518.765972222223</v>
      </c>
      <c r="P1834" s="1">
        <v>42518.86041666667</v>
      </c>
    </row>
    <row r="1835" spans="1:16" x14ac:dyDescent="0.4">
      <c r="A1835">
        <v>2948</v>
      </c>
      <c r="B1835">
        <v>131946</v>
      </c>
      <c r="C1835" s="1">
        <v>42518</v>
      </c>
      <c r="D1835">
        <v>187</v>
      </c>
      <c r="E1835">
        <v>226</v>
      </c>
      <c r="F1835" t="s">
        <v>114</v>
      </c>
      <c r="G1835">
        <v>11</v>
      </c>
      <c r="H1835">
        <v>280</v>
      </c>
      <c r="I1835">
        <v>1</v>
      </c>
      <c r="J1835">
        <v>0</v>
      </c>
      <c r="K1835">
        <v>581962</v>
      </c>
      <c r="L1835">
        <v>581963</v>
      </c>
      <c r="M1835">
        <v>1</v>
      </c>
      <c r="N1835" t="s">
        <v>12</v>
      </c>
      <c r="O1835" s="1">
        <v>42519.088888888888</v>
      </c>
      <c r="P1835" s="1">
        <v>42519.09097222222</v>
      </c>
    </row>
    <row r="1836" spans="1:16" x14ac:dyDescent="0.4">
      <c r="A1836">
        <v>2949</v>
      </c>
      <c r="B1836">
        <v>131946</v>
      </c>
      <c r="C1836" s="1">
        <v>42518</v>
      </c>
      <c r="D1836">
        <v>188</v>
      </c>
      <c r="E1836">
        <v>227</v>
      </c>
      <c r="F1836" t="s">
        <v>113</v>
      </c>
      <c r="G1836">
        <v>11</v>
      </c>
      <c r="H1836">
        <v>280</v>
      </c>
      <c r="I1836">
        <v>1</v>
      </c>
      <c r="J1836">
        <v>0</v>
      </c>
      <c r="K1836">
        <v>581964</v>
      </c>
      <c r="L1836">
        <v>581965</v>
      </c>
      <c r="M1836">
        <v>1</v>
      </c>
      <c r="N1836" t="s">
        <v>12</v>
      </c>
      <c r="O1836" s="1">
        <v>42519.088888888888</v>
      </c>
      <c r="P1836" s="1">
        <v>42519.09097222222</v>
      </c>
    </row>
    <row r="1837" spans="1:16" x14ac:dyDescent="0.4">
      <c r="A1837">
        <v>2950</v>
      </c>
      <c r="B1837">
        <v>131990</v>
      </c>
      <c r="C1837" s="1">
        <v>42519</v>
      </c>
      <c r="D1837">
        <v>124</v>
      </c>
      <c r="E1837">
        <v>141</v>
      </c>
      <c r="F1837" t="s">
        <v>185</v>
      </c>
      <c r="G1837">
        <v>16</v>
      </c>
      <c r="H1837">
        <v>250</v>
      </c>
      <c r="I1837">
        <v>1</v>
      </c>
      <c r="J1837">
        <v>0</v>
      </c>
      <c r="K1837">
        <v>582174</v>
      </c>
      <c r="L1837">
        <v>582175</v>
      </c>
      <c r="M1837">
        <v>96</v>
      </c>
      <c r="N1837" t="s">
        <v>7</v>
      </c>
      <c r="O1837" s="1">
        <v>42519.679861111108</v>
      </c>
      <c r="P1837" s="1">
        <v>42519.6875</v>
      </c>
    </row>
    <row r="1838" spans="1:16" x14ac:dyDescent="0.4">
      <c r="A1838">
        <v>2951</v>
      </c>
      <c r="B1838">
        <v>132056</v>
      </c>
      <c r="C1838" s="1">
        <v>42520</v>
      </c>
      <c r="D1838">
        <v>142</v>
      </c>
      <c r="E1838">
        <v>125</v>
      </c>
      <c r="F1838" t="s">
        <v>31</v>
      </c>
      <c r="G1838">
        <v>13</v>
      </c>
      <c r="H1838">
        <v>350</v>
      </c>
      <c r="I1838">
        <v>1</v>
      </c>
      <c r="J1838">
        <v>0</v>
      </c>
      <c r="K1838">
        <v>582515</v>
      </c>
      <c r="L1838">
        <v>582516</v>
      </c>
      <c r="M1838">
        <v>90</v>
      </c>
      <c r="N1838" t="s">
        <v>9</v>
      </c>
      <c r="O1838" s="1">
        <v>42520.649305555555</v>
      </c>
      <c r="P1838" s="1">
        <v>42520.746527777781</v>
      </c>
    </row>
    <row r="1839" spans="1:16" x14ac:dyDescent="0.4">
      <c r="A1839">
        <v>2952</v>
      </c>
      <c r="B1839">
        <v>132087</v>
      </c>
      <c r="C1839" s="1">
        <v>42520</v>
      </c>
      <c r="D1839">
        <v>168</v>
      </c>
      <c r="E1839">
        <v>103</v>
      </c>
      <c r="F1839" t="s">
        <v>38</v>
      </c>
      <c r="G1839">
        <v>10</v>
      </c>
      <c r="H1839">
        <v>550</v>
      </c>
      <c r="I1839">
        <v>1</v>
      </c>
      <c r="J1839">
        <v>0</v>
      </c>
      <c r="K1839">
        <v>582611</v>
      </c>
      <c r="L1839">
        <v>582612</v>
      </c>
      <c r="M1839">
        <v>1</v>
      </c>
      <c r="N1839" t="s">
        <v>12</v>
      </c>
      <c r="O1839" s="1">
        <v>42520.994444444441</v>
      </c>
      <c r="P1839" s="1">
        <v>42521.004861111112</v>
      </c>
    </row>
    <row r="1840" spans="1:16" x14ac:dyDescent="0.4">
      <c r="A1840">
        <v>2953</v>
      </c>
      <c r="B1840">
        <v>132308</v>
      </c>
      <c r="C1840" s="1">
        <v>42524</v>
      </c>
      <c r="D1840">
        <v>84</v>
      </c>
      <c r="E1840">
        <v>65</v>
      </c>
      <c r="F1840" t="s">
        <v>71</v>
      </c>
      <c r="G1840">
        <v>6</v>
      </c>
      <c r="H1840">
        <v>400</v>
      </c>
      <c r="I1840">
        <v>1</v>
      </c>
      <c r="J1840">
        <v>0</v>
      </c>
      <c r="K1840">
        <v>583597</v>
      </c>
      <c r="L1840">
        <v>583598</v>
      </c>
      <c r="M1840">
        <v>97</v>
      </c>
      <c r="N1840" t="s">
        <v>17</v>
      </c>
      <c r="O1840" s="1">
        <v>42525.012499999997</v>
      </c>
      <c r="P1840" s="1">
        <v>42525.203472222223</v>
      </c>
    </row>
    <row r="1841" spans="1:16" x14ac:dyDescent="0.4">
      <c r="A1841">
        <v>2954</v>
      </c>
      <c r="B1841">
        <v>132547</v>
      </c>
      <c r="C1841" s="1">
        <v>42527</v>
      </c>
      <c r="D1841">
        <v>290</v>
      </c>
      <c r="E1841">
        <v>1260</v>
      </c>
      <c r="F1841" t="s">
        <v>22</v>
      </c>
      <c r="G1841">
        <v>4</v>
      </c>
      <c r="H1841">
        <v>500</v>
      </c>
      <c r="I1841">
        <v>1</v>
      </c>
      <c r="J1841">
        <v>0</v>
      </c>
      <c r="K1841">
        <v>584640</v>
      </c>
      <c r="L1841">
        <v>584641</v>
      </c>
      <c r="M1841">
        <v>90</v>
      </c>
      <c r="N1841" t="s">
        <v>9</v>
      </c>
      <c r="O1841" s="1">
        <v>42527.728472222225</v>
      </c>
      <c r="P1841" s="1">
        <v>42527.729166666664</v>
      </c>
    </row>
    <row r="1842" spans="1:16" x14ac:dyDescent="0.4">
      <c r="A1842">
        <v>2955</v>
      </c>
      <c r="B1842">
        <v>132612</v>
      </c>
      <c r="C1842" s="1">
        <v>42528</v>
      </c>
      <c r="D1842">
        <v>147</v>
      </c>
      <c r="E1842">
        <v>1131</v>
      </c>
      <c r="F1842" t="s">
        <v>21</v>
      </c>
      <c r="G1842">
        <v>13</v>
      </c>
      <c r="H1842">
        <v>450</v>
      </c>
      <c r="I1842">
        <v>1</v>
      </c>
      <c r="J1842">
        <v>0</v>
      </c>
      <c r="K1842">
        <v>584896</v>
      </c>
      <c r="L1842">
        <v>584897</v>
      </c>
      <c r="M1842">
        <v>99</v>
      </c>
      <c r="N1842" t="s">
        <v>308</v>
      </c>
      <c r="O1842" s="1">
        <v>42528.865972222222</v>
      </c>
      <c r="P1842" s="1">
        <v>42528.874305555553</v>
      </c>
    </row>
    <row r="1843" spans="1:16" x14ac:dyDescent="0.4">
      <c r="A1843">
        <v>2956</v>
      </c>
      <c r="B1843">
        <v>132689</v>
      </c>
      <c r="C1843" s="1">
        <v>42529</v>
      </c>
      <c r="D1843">
        <v>213</v>
      </c>
      <c r="E1843">
        <v>211</v>
      </c>
      <c r="F1843" t="s">
        <v>46</v>
      </c>
      <c r="G1843">
        <v>20</v>
      </c>
      <c r="H1843">
        <v>0</v>
      </c>
      <c r="I1843">
        <v>2</v>
      </c>
      <c r="J1843">
        <v>0</v>
      </c>
      <c r="K1843">
        <v>585228</v>
      </c>
      <c r="L1843">
        <v>585229</v>
      </c>
      <c r="M1843">
        <v>100</v>
      </c>
      <c r="N1843" t="s">
        <v>1</v>
      </c>
      <c r="O1843" s="1">
        <v>42529.933333333334</v>
      </c>
      <c r="P1843" s="1">
        <v>42529.935416666667</v>
      </c>
    </row>
    <row r="1844" spans="1:16" x14ac:dyDescent="0.4">
      <c r="A1844">
        <v>2957</v>
      </c>
      <c r="B1844">
        <v>132982</v>
      </c>
      <c r="C1844" s="1">
        <v>42533</v>
      </c>
      <c r="D1844">
        <v>157</v>
      </c>
      <c r="E1844">
        <v>113</v>
      </c>
      <c r="F1844" t="s">
        <v>59</v>
      </c>
      <c r="G1844">
        <v>17</v>
      </c>
      <c r="H1844">
        <v>550</v>
      </c>
      <c r="I1844">
        <v>1</v>
      </c>
      <c r="J1844">
        <v>0</v>
      </c>
      <c r="K1844">
        <v>586638</v>
      </c>
      <c r="L1844">
        <v>586639</v>
      </c>
      <c r="M1844">
        <v>93</v>
      </c>
      <c r="N1844" t="s">
        <v>15</v>
      </c>
      <c r="O1844" s="1">
        <v>42533.597916666666</v>
      </c>
      <c r="P1844" s="1">
        <v>42533.618055555555</v>
      </c>
    </row>
    <row r="1845" spans="1:16" x14ac:dyDescent="0.4">
      <c r="A1845">
        <v>2958</v>
      </c>
      <c r="B1845">
        <v>133029</v>
      </c>
      <c r="C1845" s="1">
        <v>42533</v>
      </c>
      <c r="D1845">
        <v>57</v>
      </c>
      <c r="E1845">
        <v>30</v>
      </c>
      <c r="F1845" t="s">
        <v>60</v>
      </c>
      <c r="G1845">
        <v>11</v>
      </c>
      <c r="H1845">
        <v>320</v>
      </c>
      <c r="I1845">
        <v>6</v>
      </c>
      <c r="J1845">
        <v>0</v>
      </c>
      <c r="K1845">
        <v>586831</v>
      </c>
      <c r="L1845">
        <v>586832</v>
      </c>
      <c r="M1845">
        <v>1</v>
      </c>
      <c r="N1845" t="s">
        <v>12</v>
      </c>
      <c r="O1845" s="1">
        <v>42533.906944444447</v>
      </c>
      <c r="P1845" s="1">
        <v>42533.942361111112</v>
      </c>
    </row>
    <row r="1846" spans="1:16" x14ac:dyDescent="0.4">
      <c r="A1846">
        <v>2959</v>
      </c>
      <c r="B1846">
        <v>133029</v>
      </c>
      <c r="C1846" s="1">
        <v>42533</v>
      </c>
      <c r="D1846">
        <v>57</v>
      </c>
      <c r="E1846">
        <v>30</v>
      </c>
      <c r="F1846" t="s">
        <v>60</v>
      </c>
      <c r="G1846">
        <v>11</v>
      </c>
      <c r="H1846">
        <v>320</v>
      </c>
      <c r="I1846">
        <v>4</v>
      </c>
      <c r="J1846">
        <v>0</v>
      </c>
      <c r="K1846">
        <v>586833</v>
      </c>
      <c r="L1846">
        <v>586834</v>
      </c>
      <c r="M1846">
        <v>1</v>
      </c>
      <c r="N1846" t="s">
        <v>12</v>
      </c>
      <c r="O1846" s="1">
        <v>42533.930555555555</v>
      </c>
      <c r="P1846" s="1">
        <v>42533.942361111112</v>
      </c>
    </row>
    <row r="1847" spans="1:16" x14ac:dyDescent="0.4">
      <c r="A1847">
        <v>2960</v>
      </c>
      <c r="B1847">
        <v>133154</v>
      </c>
      <c r="C1847" s="1">
        <v>42535</v>
      </c>
      <c r="D1847">
        <v>144</v>
      </c>
      <c r="E1847">
        <v>130</v>
      </c>
      <c r="F1847" t="s">
        <v>42</v>
      </c>
      <c r="G1847">
        <v>7</v>
      </c>
      <c r="H1847">
        <v>200</v>
      </c>
      <c r="I1847">
        <v>1</v>
      </c>
      <c r="J1847">
        <v>0</v>
      </c>
      <c r="K1847">
        <v>587365</v>
      </c>
      <c r="L1847">
        <v>587366</v>
      </c>
      <c r="M1847">
        <v>0</v>
      </c>
      <c r="N1847" t="s">
        <v>94</v>
      </c>
      <c r="O1847" s="1">
        <v>42536.079861111109</v>
      </c>
      <c r="P1847" s="1">
        <v>42536.080555555556</v>
      </c>
    </row>
    <row r="1848" spans="1:16" x14ac:dyDescent="0.4">
      <c r="A1848">
        <v>2961</v>
      </c>
      <c r="B1848">
        <v>133183</v>
      </c>
      <c r="C1848" s="1">
        <v>42536</v>
      </c>
      <c r="D1848">
        <v>290</v>
      </c>
      <c r="E1848">
        <v>1260</v>
      </c>
      <c r="F1848" t="s">
        <v>22</v>
      </c>
      <c r="G1848">
        <v>7</v>
      </c>
      <c r="H1848">
        <v>500</v>
      </c>
      <c r="I1848">
        <v>1</v>
      </c>
      <c r="J1848">
        <v>0</v>
      </c>
      <c r="K1848">
        <v>587473</v>
      </c>
      <c r="L1848">
        <v>587474</v>
      </c>
      <c r="M1848">
        <v>101</v>
      </c>
      <c r="N1848" t="s">
        <v>306</v>
      </c>
      <c r="O1848" s="1">
        <v>42536.768055555556</v>
      </c>
      <c r="P1848" s="1">
        <v>42536.768055555556</v>
      </c>
    </row>
    <row r="1849" spans="1:16" x14ac:dyDescent="0.4">
      <c r="A1849">
        <v>2962</v>
      </c>
      <c r="B1849">
        <v>133200</v>
      </c>
      <c r="C1849" s="1">
        <v>42536</v>
      </c>
      <c r="D1849">
        <v>79</v>
      </c>
      <c r="E1849">
        <v>60</v>
      </c>
      <c r="F1849" t="s">
        <v>157</v>
      </c>
      <c r="G1849">
        <v>1</v>
      </c>
      <c r="H1849">
        <v>400</v>
      </c>
      <c r="I1849">
        <v>3</v>
      </c>
      <c r="J1849">
        <v>0</v>
      </c>
      <c r="K1849">
        <v>587560</v>
      </c>
      <c r="L1849">
        <v>587561</v>
      </c>
      <c r="M1849">
        <v>97</v>
      </c>
      <c r="N1849" t="s">
        <v>17</v>
      </c>
      <c r="O1849" s="1">
        <v>42537.07916666667</v>
      </c>
      <c r="P1849" s="1">
        <v>42537.102777777778</v>
      </c>
    </row>
    <row r="1850" spans="1:16" x14ac:dyDescent="0.4">
      <c r="A1850">
        <v>2963</v>
      </c>
      <c r="B1850">
        <v>133200</v>
      </c>
      <c r="C1850" s="1">
        <v>42536</v>
      </c>
      <c r="D1850">
        <v>79</v>
      </c>
      <c r="E1850">
        <v>60</v>
      </c>
      <c r="F1850" t="s">
        <v>157</v>
      </c>
      <c r="G1850">
        <v>1</v>
      </c>
      <c r="H1850">
        <v>400</v>
      </c>
      <c r="I1850">
        <v>2</v>
      </c>
      <c r="J1850">
        <v>0</v>
      </c>
      <c r="K1850">
        <v>587562</v>
      </c>
      <c r="L1850">
        <v>587563</v>
      </c>
      <c r="M1850">
        <v>97</v>
      </c>
      <c r="N1850" t="s">
        <v>17</v>
      </c>
      <c r="O1850" s="1">
        <v>42537.102083333331</v>
      </c>
      <c r="P1850" s="1">
        <v>42537.102777777778</v>
      </c>
    </row>
    <row r="1851" spans="1:16" x14ac:dyDescent="0.4">
      <c r="A1851">
        <v>2964</v>
      </c>
      <c r="B1851">
        <v>133327</v>
      </c>
      <c r="C1851" s="1">
        <v>42538</v>
      </c>
      <c r="D1851">
        <v>205</v>
      </c>
      <c r="E1851">
        <v>400</v>
      </c>
      <c r="F1851" t="s">
        <v>125</v>
      </c>
      <c r="G1851">
        <v>11</v>
      </c>
      <c r="H1851">
        <v>320</v>
      </c>
      <c r="I1851">
        <v>1</v>
      </c>
      <c r="J1851">
        <v>0</v>
      </c>
      <c r="K1851">
        <v>588146</v>
      </c>
      <c r="L1851">
        <v>588147</v>
      </c>
      <c r="M1851">
        <v>1</v>
      </c>
      <c r="N1851" t="s">
        <v>12</v>
      </c>
      <c r="O1851" s="1">
        <v>42539.061111111114</v>
      </c>
      <c r="P1851" s="1">
        <v>42539.14166666667</v>
      </c>
    </row>
    <row r="1852" spans="1:16" x14ac:dyDescent="0.4">
      <c r="A1852">
        <v>2965</v>
      </c>
      <c r="B1852">
        <v>133393</v>
      </c>
      <c r="C1852" s="1">
        <v>42539</v>
      </c>
      <c r="D1852">
        <v>213</v>
      </c>
      <c r="E1852">
        <v>211</v>
      </c>
      <c r="F1852" t="s">
        <v>46</v>
      </c>
      <c r="G1852">
        <v>1</v>
      </c>
      <c r="H1852">
        <v>0</v>
      </c>
      <c r="I1852">
        <v>4</v>
      </c>
      <c r="J1852">
        <v>0</v>
      </c>
      <c r="K1852">
        <v>588354</v>
      </c>
      <c r="L1852">
        <v>588355</v>
      </c>
      <c r="M1852">
        <v>100</v>
      </c>
      <c r="N1852" t="s">
        <v>1</v>
      </c>
      <c r="O1852" s="1">
        <v>42539.811805555553</v>
      </c>
      <c r="P1852" s="1">
        <v>42539.811805555553</v>
      </c>
    </row>
    <row r="1853" spans="1:16" x14ac:dyDescent="0.4">
      <c r="A1853">
        <v>2966</v>
      </c>
      <c r="B1853">
        <v>133407</v>
      </c>
      <c r="C1853" s="1">
        <v>42539</v>
      </c>
      <c r="D1853">
        <v>205</v>
      </c>
      <c r="E1853">
        <v>400</v>
      </c>
      <c r="F1853" t="s">
        <v>125</v>
      </c>
      <c r="G1853">
        <v>18</v>
      </c>
      <c r="H1853">
        <v>320</v>
      </c>
      <c r="I1853">
        <v>1</v>
      </c>
      <c r="J1853">
        <v>0</v>
      </c>
      <c r="K1853">
        <v>588434</v>
      </c>
      <c r="L1853">
        <v>588435</v>
      </c>
      <c r="M1853">
        <v>84</v>
      </c>
      <c r="N1853" t="s">
        <v>299</v>
      </c>
      <c r="O1853" s="1">
        <v>42539.890972222223</v>
      </c>
      <c r="P1853" s="1">
        <v>42539.89166666667</v>
      </c>
    </row>
    <row r="1854" spans="1:16" x14ac:dyDescent="0.4">
      <c r="A1854">
        <v>2967</v>
      </c>
      <c r="B1854">
        <v>133507</v>
      </c>
      <c r="C1854" s="1">
        <v>42540</v>
      </c>
      <c r="D1854">
        <v>69</v>
      </c>
      <c r="E1854">
        <v>50</v>
      </c>
      <c r="F1854" t="s">
        <v>18</v>
      </c>
      <c r="G1854">
        <v>3</v>
      </c>
      <c r="H1854">
        <v>480</v>
      </c>
      <c r="I1854">
        <v>1</v>
      </c>
      <c r="J1854">
        <v>0</v>
      </c>
      <c r="K1854">
        <v>588946</v>
      </c>
      <c r="L1854">
        <v>588947</v>
      </c>
      <c r="M1854">
        <v>29</v>
      </c>
      <c r="O1854" s="1">
        <v>42540.90347222222</v>
      </c>
      <c r="P1854" s="1">
        <v>42540.931250000001</v>
      </c>
    </row>
    <row r="1855" spans="1:16" x14ac:dyDescent="0.4">
      <c r="A1855">
        <v>2968</v>
      </c>
      <c r="B1855">
        <v>133683</v>
      </c>
      <c r="C1855" s="1">
        <v>42543</v>
      </c>
      <c r="D1855">
        <v>186</v>
      </c>
      <c r="E1855">
        <v>225</v>
      </c>
      <c r="F1855" t="s">
        <v>34</v>
      </c>
      <c r="G1855">
        <v>7</v>
      </c>
      <c r="H1855">
        <v>350</v>
      </c>
      <c r="I1855">
        <v>1</v>
      </c>
      <c r="J1855">
        <v>0</v>
      </c>
      <c r="K1855">
        <v>589723</v>
      </c>
      <c r="L1855">
        <v>589724</v>
      </c>
      <c r="M1855">
        <v>97</v>
      </c>
      <c r="N1855" t="s">
        <v>17</v>
      </c>
      <c r="O1855" s="1">
        <v>42544.066666666666</v>
      </c>
      <c r="P1855" s="1">
        <v>42544.094444444447</v>
      </c>
    </row>
    <row r="1856" spans="1:16" x14ac:dyDescent="0.4">
      <c r="A1856">
        <v>2969</v>
      </c>
      <c r="B1856">
        <v>133683</v>
      </c>
      <c r="C1856" s="1">
        <v>42543</v>
      </c>
      <c r="D1856">
        <v>274</v>
      </c>
      <c r="E1856">
        <v>46</v>
      </c>
      <c r="F1856" t="s">
        <v>75</v>
      </c>
      <c r="G1856">
        <v>7</v>
      </c>
      <c r="H1856">
        <v>480</v>
      </c>
      <c r="I1856">
        <v>1</v>
      </c>
      <c r="J1856">
        <v>0</v>
      </c>
      <c r="K1856">
        <v>589725</v>
      </c>
      <c r="L1856">
        <v>589726</v>
      </c>
      <c r="M1856">
        <v>97</v>
      </c>
      <c r="N1856" t="s">
        <v>17</v>
      </c>
      <c r="O1856" s="1">
        <v>42544.066666666666</v>
      </c>
      <c r="P1856" s="1">
        <v>42544.094444444447</v>
      </c>
    </row>
    <row r="1857" spans="1:16" x14ac:dyDescent="0.4">
      <c r="A1857">
        <v>2970</v>
      </c>
      <c r="B1857">
        <v>133683</v>
      </c>
      <c r="C1857" s="1">
        <v>42543</v>
      </c>
      <c r="D1857">
        <v>274</v>
      </c>
      <c r="E1857">
        <v>46</v>
      </c>
      <c r="F1857" t="s">
        <v>75</v>
      </c>
      <c r="G1857">
        <v>7</v>
      </c>
      <c r="H1857">
        <v>480</v>
      </c>
      <c r="I1857">
        <v>1</v>
      </c>
      <c r="J1857">
        <v>0</v>
      </c>
      <c r="K1857">
        <v>589727</v>
      </c>
      <c r="L1857">
        <v>589728</v>
      </c>
      <c r="M1857">
        <v>97</v>
      </c>
      <c r="N1857" t="s">
        <v>17</v>
      </c>
      <c r="O1857" s="1">
        <v>42544.094444444447</v>
      </c>
      <c r="P1857" s="1">
        <v>42544.094444444447</v>
      </c>
    </row>
    <row r="1858" spans="1:16" x14ac:dyDescent="0.4">
      <c r="A1858">
        <v>2971</v>
      </c>
      <c r="B1858">
        <v>133683</v>
      </c>
      <c r="C1858" s="1">
        <v>42543</v>
      </c>
      <c r="D1858">
        <v>60</v>
      </c>
      <c r="E1858">
        <v>33</v>
      </c>
      <c r="F1858" t="s">
        <v>86</v>
      </c>
      <c r="G1858">
        <v>7</v>
      </c>
      <c r="H1858">
        <v>320</v>
      </c>
      <c r="I1858">
        <v>1</v>
      </c>
      <c r="J1858">
        <v>0</v>
      </c>
      <c r="K1858">
        <v>589729</v>
      </c>
      <c r="L1858">
        <v>589730</v>
      </c>
      <c r="M1858">
        <v>97</v>
      </c>
      <c r="N1858" t="s">
        <v>17</v>
      </c>
      <c r="O1858" s="1">
        <v>42544.09375</v>
      </c>
      <c r="P1858" s="1">
        <v>42544.095138888886</v>
      </c>
    </row>
    <row r="1859" spans="1:16" x14ac:dyDescent="0.4">
      <c r="A1859">
        <v>2972</v>
      </c>
      <c r="B1859">
        <v>133893</v>
      </c>
      <c r="C1859" s="1">
        <v>42546</v>
      </c>
      <c r="D1859">
        <v>287</v>
      </c>
      <c r="E1859">
        <v>47</v>
      </c>
      <c r="F1859" t="s">
        <v>70</v>
      </c>
      <c r="G1859">
        <v>1</v>
      </c>
      <c r="H1859">
        <v>480</v>
      </c>
      <c r="I1859">
        <v>1</v>
      </c>
      <c r="J1859">
        <v>0</v>
      </c>
      <c r="K1859">
        <v>590652</v>
      </c>
      <c r="L1859">
        <v>590653</v>
      </c>
      <c r="M1859">
        <v>101</v>
      </c>
      <c r="N1859" t="s">
        <v>306</v>
      </c>
      <c r="O1859" s="1">
        <v>42546.769444444442</v>
      </c>
      <c r="P1859" s="1">
        <v>42546.868750000001</v>
      </c>
    </row>
    <row r="1860" spans="1:16" x14ac:dyDescent="0.4">
      <c r="A1860">
        <v>2973</v>
      </c>
      <c r="B1860">
        <v>133917</v>
      </c>
      <c r="C1860" s="1">
        <v>42546</v>
      </c>
      <c r="D1860">
        <v>213</v>
      </c>
      <c r="E1860">
        <v>211</v>
      </c>
      <c r="F1860" t="s">
        <v>46</v>
      </c>
      <c r="G1860">
        <v>1</v>
      </c>
      <c r="H1860">
        <v>0</v>
      </c>
      <c r="I1860">
        <v>4</v>
      </c>
      <c r="J1860">
        <v>0</v>
      </c>
      <c r="K1860">
        <v>590850</v>
      </c>
      <c r="L1860">
        <v>590851</v>
      </c>
      <c r="M1860">
        <v>104</v>
      </c>
      <c r="N1860" t="s">
        <v>310</v>
      </c>
      <c r="O1860" s="1">
        <v>42546.982638888891</v>
      </c>
      <c r="P1860" s="1">
        <v>42547.043749999997</v>
      </c>
    </row>
    <row r="1861" spans="1:16" x14ac:dyDescent="0.4">
      <c r="A1861">
        <v>2974</v>
      </c>
      <c r="B1861">
        <v>133936</v>
      </c>
      <c r="C1861" s="1">
        <v>42546</v>
      </c>
      <c r="D1861">
        <v>291</v>
      </c>
      <c r="E1861">
        <v>122</v>
      </c>
      <c r="F1861" t="s">
        <v>98</v>
      </c>
      <c r="G1861">
        <v>2</v>
      </c>
      <c r="H1861">
        <v>400</v>
      </c>
      <c r="I1861">
        <v>1</v>
      </c>
      <c r="J1861">
        <v>0</v>
      </c>
      <c r="K1861">
        <v>590910</v>
      </c>
      <c r="L1861">
        <v>590911</v>
      </c>
      <c r="M1861">
        <v>1</v>
      </c>
      <c r="N1861" t="s">
        <v>12</v>
      </c>
      <c r="O1861" s="1">
        <v>42547.144444444442</v>
      </c>
      <c r="P1861" s="1">
        <v>42547.149305555555</v>
      </c>
    </row>
    <row r="1862" spans="1:16" x14ac:dyDescent="0.4">
      <c r="A1862">
        <v>2976</v>
      </c>
      <c r="B1862">
        <v>133949</v>
      </c>
      <c r="C1862" s="1">
        <v>42547</v>
      </c>
      <c r="D1862">
        <v>142</v>
      </c>
      <c r="E1862">
        <v>125</v>
      </c>
      <c r="F1862" t="s">
        <v>31</v>
      </c>
      <c r="G1862">
        <v>11</v>
      </c>
      <c r="H1862">
        <v>350</v>
      </c>
      <c r="I1862">
        <v>1</v>
      </c>
      <c r="J1862">
        <v>0</v>
      </c>
      <c r="K1862">
        <v>591003</v>
      </c>
      <c r="L1862">
        <v>591004</v>
      </c>
      <c r="M1862">
        <v>106</v>
      </c>
      <c r="N1862" t="s">
        <v>267</v>
      </c>
      <c r="O1862" s="1">
        <v>42547.496527777781</v>
      </c>
      <c r="P1862" s="1">
        <v>42547.53402777778</v>
      </c>
    </row>
    <row r="1863" spans="1:16" x14ac:dyDescent="0.4">
      <c r="A1863">
        <v>2977</v>
      </c>
      <c r="B1863">
        <v>134000</v>
      </c>
      <c r="C1863" s="1">
        <v>42547</v>
      </c>
      <c r="D1863">
        <v>166</v>
      </c>
      <c r="E1863">
        <v>322</v>
      </c>
      <c r="F1863" t="s">
        <v>51</v>
      </c>
      <c r="G1863">
        <v>6</v>
      </c>
      <c r="H1863">
        <v>550</v>
      </c>
      <c r="I1863">
        <v>2</v>
      </c>
      <c r="J1863">
        <v>0</v>
      </c>
      <c r="K1863">
        <v>591186</v>
      </c>
      <c r="L1863">
        <v>591187</v>
      </c>
      <c r="M1863">
        <v>98</v>
      </c>
      <c r="N1863" t="s">
        <v>14</v>
      </c>
      <c r="O1863" s="1">
        <v>42547.897222222222</v>
      </c>
      <c r="P1863" s="1">
        <v>42547.911805555559</v>
      </c>
    </row>
    <row r="1864" spans="1:16" x14ac:dyDescent="0.4">
      <c r="A1864">
        <v>2978</v>
      </c>
      <c r="B1864">
        <v>134011</v>
      </c>
      <c r="C1864" s="1">
        <v>42547</v>
      </c>
      <c r="D1864">
        <v>64</v>
      </c>
      <c r="E1864">
        <v>37</v>
      </c>
      <c r="F1864" t="s">
        <v>221</v>
      </c>
      <c r="G1864">
        <v>2</v>
      </c>
      <c r="H1864">
        <v>320</v>
      </c>
      <c r="I1864">
        <v>1</v>
      </c>
      <c r="J1864">
        <v>0</v>
      </c>
      <c r="K1864">
        <v>591211</v>
      </c>
      <c r="L1864">
        <v>591212</v>
      </c>
      <c r="M1864">
        <v>104</v>
      </c>
      <c r="N1864" t="s">
        <v>310</v>
      </c>
      <c r="O1864" s="1">
        <v>42547.931944444441</v>
      </c>
      <c r="P1864" s="1">
        <v>42547.942361111112</v>
      </c>
    </row>
    <row r="1865" spans="1:16" x14ac:dyDescent="0.4">
      <c r="A1865">
        <v>2979</v>
      </c>
      <c r="B1865">
        <v>134011</v>
      </c>
      <c r="C1865" s="1">
        <v>42547</v>
      </c>
      <c r="D1865">
        <v>64</v>
      </c>
      <c r="E1865">
        <v>37</v>
      </c>
      <c r="F1865" t="s">
        <v>221</v>
      </c>
      <c r="G1865">
        <v>2</v>
      </c>
      <c r="H1865">
        <v>320</v>
      </c>
      <c r="I1865">
        <v>1</v>
      </c>
      <c r="J1865">
        <v>0</v>
      </c>
      <c r="K1865">
        <v>591213</v>
      </c>
      <c r="L1865">
        <v>591214</v>
      </c>
      <c r="M1865">
        <v>104</v>
      </c>
      <c r="N1865" t="s">
        <v>310</v>
      </c>
      <c r="O1865" s="1">
        <v>42547.94027777778</v>
      </c>
      <c r="P1865" s="1">
        <v>42547.942361111112</v>
      </c>
    </row>
    <row r="1866" spans="1:16" x14ac:dyDescent="0.4">
      <c r="A1866">
        <v>2980</v>
      </c>
      <c r="B1866">
        <v>134011</v>
      </c>
      <c r="C1866" s="1">
        <v>42547</v>
      </c>
      <c r="D1866">
        <v>76</v>
      </c>
      <c r="E1866">
        <v>51</v>
      </c>
      <c r="F1866" t="s">
        <v>33</v>
      </c>
      <c r="G1866">
        <v>2</v>
      </c>
      <c r="H1866">
        <v>400</v>
      </c>
      <c r="I1866">
        <v>1</v>
      </c>
      <c r="J1866">
        <v>0</v>
      </c>
      <c r="K1866">
        <v>591215</v>
      </c>
      <c r="L1866">
        <v>591216</v>
      </c>
      <c r="M1866">
        <v>104</v>
      </c>
      <c r="N1866" t="s">
        <v>310</v>
      </c>
      <c r="O1866" s="1">
        <v>42547.931944444441</v>
      </c>
      <c r="P1866" s="1">
        <v>42547.942361111112</v>
      </c>
    </row>
    <row r="1867" spans="1:16" x14ac:dyDescent="0.4">
      <c r="A1867">
        <v>2981</v>
      </c>
      <c r="B1867">
        <v>134080</v>
      </c>
      <c r="C1867" s="1">
        <v>42548</v>
      </c>
      <c r="D1867">
        <v>274</v>
      </c>
      <c r="E1867">
        <v>46</v>
      </c>
      <c r="F1867" t="s">
        <v>75</v>
      </c>
      <c r="G1867">
        <v>7</v>
      </c>
      <c r="H1867">
        <v>480</v>
      </c>
      <c r="I1867">
        <v>2</v>
      </c>
      <c r="J1867">
        <v>0</v>
      </c>
      <c r="K1867">
        <v>591530</v>
      </c>
      <c r="L1867">
        <v>591531</v>
      </c>
      <c r="M1867">
        <v>1</v>
      </c>
      <c r="N1867" t="s">
        <v>12</v>
      </c>
      <c r="O1867" s="1">
        <v>42548.989583333336</v>
      </c>
      <c r="P1867" s="1">
        <v>42548.996527777781</v>
      </c>
    </row>
    <row r="1868" spans="1:16" x14ac:dyDescent="0.4">
      <c r="A1868">
        <v>2982</v>
      </c>
      <c r="B1868">
        <v>134080</v>
      </c>
      <c r="C1868" s="1">
        <v>42548</v>
      </c>
      <c r="D1868">
        <v>90</v>
      </c>
      <c r="E1868">
        <v>71</v>
      </c>
      <c r="F1868" t="s">
        <v>91</v>
      </c>
      <c r="G1868">
        <v>7</v>
      </c>
      <c r="H1868">
        <v>400</v>
      </c>
      <c r="I1868">
        <v>1</v>
      </c>
      <c r="J1868">
        <v>0</v>
      </c>
      <c r="K1868">
        <v>591532</v>
      </c>
      <c r="L1868">
        <v>591533</v>
      </c>
      <c r="M1868">
        <v>1</v>
      </c>
      <c r="N1868" t="s">
        <v>12</v>
      </c>
      <c r="O1868" s="1">
        <v>42548.989583333336</v>
      </c>
      <c r="P1868" s="1">
        <v>42548.996527777781</v>
      </c>
    </row>
    <row r="1869" spans="1:16" x14ac:dyDescent="0.4">
      <c r="A1869">
        <v>2983</v>
      </c>
      <c r="B1869">
        <v>134080</v>
      </c>
      <c r="C1869" s="1">
        <v>42548</v>
      </c>
      <c r="D1869">
        <v>75</v>
      </c>
      <c r="E1869">
        <v>56</v>
      </c>
      <c r="F1869" t="s">
        <v>49</v>
      </c>
      <c r="G1869">
        <v>7</v>
      </c>
      <c r="H1869">
        <v>400</v>
      </c>
      <c r="I1869">
        <v>1</v>
      </c>
      <c r="J1869">
        <v>0</v>
      </c>
      <c r="K1869">
        <v>591534</v>
      </c>
      <c r="L1869">
        <v>591535</v>
      </c>
      <c r="M1869">
        <v>1</v>
      </c>
      <c r="N1869" t="s">
        <v>12</v>
      </c>
      <c r="O1869" s="1">
        <v>42548.989583333336</v>
      </c>
      <c r="P1869" s="1">
        <v>42548.996527777781</v>
      </c>
    </row>
    <row r="1870" spans="1:16" x14ac:dyDescent="0.4">
      <c r="A1870">
        <v>2984</v>
      </c>
      <c r="B1870">
        <v>134080</v>
      </c>
      <c r="C1870" s="1">
        <v>42548</v>
      </c>
      <c r="D1870">
        <v>323</v>
      </c>
      <c r="E1870">
        <v>49</v>
      </c>
      <c r="F1870" t="s">
        <v>67</v>
      </c>
      <c r="G1870">
        <v>7</v>
      </c>
      <c r="H1870">
        <v>480</v>
      </c>
      <c r="I1870">
        <v>2</v>
      </c>
      <c r="J1870">
        <v>0</v>
      </c>
      <c r="K1870">
        <v>591536</v>
      </c>
      <c r="L1870">
        <v>591537</v>
      </c>
      <c r="M1870">
        <v>1</v>
      </c>
      <c r="N1870" t="s">
        <v>12</v>
      </c>
      <c r="O1870" s="1">
        <v>42548.994444444441</v>
      </c>
      <c r="P1870" s="1">
        <v>42548.996527777781</v>
      </c>
    </row>
    <row r="1871" spans="1:16" x14ac:dyDescent="0.4">
      <c r="A1871">
        <v>2985</v>
      </c>
      <c r="B1871">
        <v>134080</v>
      </c>
      <c r="C1871" s="1">
        <v>42548</v>
      </c>
      <c r="D1871">
        <v>315</v>
      </c>
      <c r="E1871">
        <v>244</v>
      </c>
      <c r="F1871" t="s">
        <v>141</v>
      </c>
      <c r="G1871">
        <v>7</v>
      </c>
      <c r="H1871">
        <v>480</v>
      </c>
      <c r="I1871">
        <v>1</v>
      </c>
      <c r="J1871">
        <v>0</v>
      </c>
      <c r="K1871">
        <v>591538</v>
      </c>
      <c r="L1871">
        <v>591539</v>
      </c>
      <c r="M1871">
        <v>1</v>
      </c>
      <c r="N1871" t="s">
        <v>12</v>
      </c>
      <c r="O1871" s="1">
        <v>42548.989583333336</v>
      </c>
      <c r="P1871" s="1">
        <v>42548.996527777781</v>
      </c>
    </row>
    <row r="1872" spans="1:16" x14ac:dyDescent="0.4">
      <c r="A1872">
        <v>2986</v>
      </c>
      <c r="B1872">
        <v>134333</v>
      </c>
      <c r="C1872" s="1">
        <v>42552</v>
      </c>
      <c r="D1872">
        <v>142</v>
      </c>
      <c r="E1872">
        <v>125</v>
      </c>
      <c r="F1872" t="s">
        <v>31</v>
      </c>
      <c r="G1872">
        <v>3</v>
      </c>
      <c r="H1872">
        <v>350</v>
      </c>
      <c r="I1872">
        <v>1</v>
      </c>
      <c r="J1872">
        <v>0</v>
      </c>
      <c r="K1872">
        <v>592529</v>
      </c>
      <c r="L1872">
        <v>592530</v>
      </c>
      <c r="M1872">
        <v>101</v>
      </c>
      <c r="N1872" t="s">
        <v>306</v>
      </c>
      <c r="O1872" s="1">
        <v>42552.811111111114</v>
      </c>
      <c r="P1872" s="1">
        <v>42552.814583333333</v>
      </c>
    </row>
    <row r="1873" spans="1:16" x14ac:dyDescent="0.4">
      <c r="A1873">
        <v>2987</v>
      </c>
      <c r="B1873">
        <v>134355</v>
      </c>
      <c r="C1873" s="1">
        <v>42552</v>
      </c>
      <c r="D1873">
        <v>84</v>
      </c>
      <c r="E1873">
        <v>65</v>
      </c>
      <c r="F1873" t="s">
        <v>71</v>
      </c>
      <c r="G1873">
        <v>17</v>
      </c>
      <c r="H1873">
        <v>400</v>
      </c>
      <c r="I1873">
        <v>1</v>
      </c>
      <c r="J1873">
        <v>0</v>
      </c>
      <c r="K1873">
        <v>592614</v>
      </c>
      <c r="L1873">
        <v>592615</v>
      </c>
      <c r="M1873">
        <v>100</v>
      </c>
      <c r="N1873" t="s">
        <v>1</v>
      </c>
      <c r="O1873" s="1">
        <v>42552.90902777778</v>
      </c>
      <c r="P1873" s="1">
        <v>42552.90902777778</v>
      </c>
    </row>
    <row r="1874" spans="1:16" x14ac:dyDescent="0.4">
      <c r="A1874">
        <v>2988</v>
      </c>
      <c r="B1874">
        <v>134355</v>
      </c>
      <c r="C1874" s="1">
        <v>42552</v>
      </c>
      <c r="D1874">
        <v>274</v>
      </c>
      <c r="E1874">
        <v>46</v>
      </c>
      <c r="F1874" t="s">
        <v>75</v>
      </c>
      <c r="G1874">
        <v>17</v>
      </c>
      <c r="H1874">
        <v>480</v>
      </c>
      <c r="I1874">
        <v>1</v>
      </c>
      <c r="J1874">
        <v>0</v>
      </c>
      <c r="K1874">
        <v>592616</v>
      </c>
      <c r="L1874">
        <v>592617</v>
      </c>
      <c r="M1874">
        <v>100</v>
      </c>
      <c r="N1874" t="s">
        <v>1</v>
      </c>
      <c r="O1874" s="1">
        <v>42552.90902777778</v>
      </c>
      <c r="P1874" s="1">
        <v>42552.90902777778</v>
      </c>
    </row>
    <row r="1875" spans="1:16" x14ac:dyDescent="0.4">
      <c r="A1875">
        <v>2989</v>
      </c>
      <c r="B1875">
        <v>134364</v>
      </c>
      <c r="C1875" s="1">
        <v>42552</v>
      </c>
      <c r="D1875">
        <v>122</v>
      </c>
      <c r="E1875">
        <v>142</v>
      </c>
      <c r="F1875" t="s">
        <v>25</v>
      </c>
      <c r="G1875">
        <v>18</v>
      </c>
      <c r="H1875">
        <v>350</v>
      </c>
      <c r="I1875">
        <v>1</v>
      </c>
      <c r="J1875">
        <v>0</v>
      </c>
      <c r="K1875">
        <v>592683</v>
      </c>
      <c r="L1875">
        <v>592684</v>
      </c>
      <c r="M1875">
        <v>1</v>
      </c>
      <c r="N1875" t="s">
        <v>12</v>
      </c>
      <c r="O1875" s="1">
        <v>42552.970138888886</v>
      </c>
      <c r="P1875" s="1">
        <v>42552.972916666666</v>
      </c>
    </row>
    <row r="1876" spans="1:16" x14ac:dyDescent="0.4">
      <c r="A1876">
        <v>2990</v>
      </c>
      <c r="B1876">
        <v>134369</v>
      </c>
      <c r="C1876" s="1">
        <v>42552</v>
      </c>
      <c r="D1876">
        <v>290</v>
      </c>
      <c r="E1876">
        <v>1260</v>
      </c>
      <c r="F1876" t="s">
        <v>22</v>
      </c>
      <c r="G1876">
        <v>1</v>
      </c>
      <c r="H1876">
        <v>500</v>
      </c>
      <c r="I1876">
        <v>1</v>
      </c>
      <c r="J1876">
        <v>0</v>
      </c>
      <c r="K1876">
        <v>592768</v>
      </c>
      <c r="L1876">
        <v>592769</v>
      </c>
      <c r="M1876">
        <v>1</v>
      </c>
      <c r="N1876" t="s">
        <v>12</v>
      </c>
      <c r="O1876" s="1">
        <v>42553.013194444444</v>
      </c>
      <c r="P1876" s="1">
        <v>42553.067361111112</v>
      </c>
    </row>
    <row r="1877" spans="1:16" x14ac:dyDescent="0.4">
      <c r="A1877">
        <v>2991</v>
      </c>
      <c r="B1877">
        <v>134570</v>
      </c>
      <c r="C1877" s="1">
        <v>42554</v>
      </c>
      <c r="D1877">
        <v>125</v>
      </c>
      <c r="E1877">
        <v>126</v>
      </c>
      <c r="F1877" t="s">
        <v>8</v>
      </c>
      <c r="G1877">
        <v>3</v>
      </c>
      <c r="H1877">
        <v>380</v>
      </c>
      <c r="I1877">
        <v>1</v>
      </c>
      <c r="J1877">
        <v>0</v>
      </c>
      <c r="K1877">
        <v>593680</v>
      </c>
      <c r="L1877">
        <v>593681</v>
      </c>
      <c r="M1877">
        <v>102</v>
      </c>
      <c r="N1877" t="s">
        <v>27</v>
      </c>
      <c r="O1877" s="1">
        <v>42555.122916666667</v>
      </c>
      <c r="P1877" s="1">
        <v>42555.134722222225</v>
      </c>
    </row>
    <row r="1878" spans="1:16" x14ac:dyDescent="0.4">
      <c r="A1878">
        <v>2992</v>
      </c>
      <c r="B1878">
        <v>134570</v>
      </c>
      <c r="C1878" s="1">
        <v>42554</v>
      </c>
      <c r="D1878">
        <v>16</v>
      </c>
      <c r="E1878">
        <v>120</v>
      </c>
      <c r="F1878" t="s">
        <v>58</v>
      </c>
      <c r="G1878">
        <v>3</v>
      </c>
      <c r="H1878">
        <v>450</v>
      </c>
      <c r="I1878">
        <v>1</v>
      </c>
      <c r="J1878">
        <v>0</v>
      </c>
      <c r="K1878">
        <v>593682</v>
      </c>
      <c r="L1878">
        <v>593683</v>
      </c>
      <c r="M1878">
        <v>102</v>
      </c>
      <c r="N1878" t="s">
        <v>27</v>
      </c>
      <c r="O1878" s="1">
        <v>42555.122916666667</v>
      </c>
      <c r="P1878" s="1">
        <v>42555.134722222225</v>
      </c>
    </row>
    <row r="1879" spans="1:16" x14ac:dyDescent="0.4">
      <c r="A1879">
        <v>2993</v>
      </c>
      <c r="B1879">
        <v>134561</v>
      </c>
      <c r="C1879" s="1">
        <v>42554</v>
      </c>
      <c r="D1879">
        <v>9</v>
      </c>
      <c r="E1879">
        <v>101</v>
      </c>
      <c r="F1879" t="s">
        <v>54</v>
      </c>
      <c r="G1879">
        <v>2</v>
      </c>
      <c r="H1879">
        <v>420</v>
      </c>
      <c r="I1879">
        <v>1</v>
      </c>
      <c r="J1879">
        <v>0</v>
      </c>
      <c r="K1879">
        <v>593689</v>
      </c>
      <c r="L1879">
        <v>593690</v>
      </c>
      <c r="M1879">
        <v>102</v>
      </c>
      <c r="N1879" t="s">
        <v>27</v>
      </c>
      <c r="O1879" s="1">
        <v>42555.140277777777</v>
      </c>
      <c r="P1879" s="1">
        <v>42555.140972222223</v>
      </c>
    </row>
    <row r="1880" spans="1:16" x14ac:dyDescent="0.4">
      <c r="A1880">
        <v>2994</v>
      </c>
      <c r="B1880">
        <v>134956</v>
      </c>
      <c r="C1880" s="1">
        <v>42560</v>
      </c>
      <c r="D1880">
        <v>322</v>
      </c>
      <c r="E1880">
        <v>235</v>
      </c>
      <c r="F1880" t="s">
        <v>301</v>
      </c>
      <c r="G1880">
        <v>3</v>
      </c>
      <c r="H1880">
        <v>480</v>
      </c>
      <c r="I1880">
        <v>1</v>
      </c>
      <c r="J1880">
        <v>0</v>
      </c>
      <c r="K1880">
        <v>595363</v>
      </c>
      <c r="L1880">
        <v>595364</v>
      </c>
      <c r="M1880">
        <v>101</v>
      </c>
      <c r="N1880" t="s">
        <v>306</v>
      </c>
      <c r="O1880" s="1">
        <v>42560.830555555556</v>
      </c>
      <c r="P1880" s="1">
        <v>42560.831250000003</v>
      </c>
    </row>
    <row r="1881" spans="1:16" x14ac:dyDescent="0.4">
      <c r="A1881">
        <v>2995</v>
      </c>
      <c r="B1881">
        <v>135009</v>
      </c>
      <c r="C1881" s="1">
        <v>42561</v>
      </c>
      <c r="D1881">
        <v>125</v>
      </c>
      <c r="E1881">
        <v>126</v>
      </c>
      <c r="F1881" t="s">
        <v>8</v>
      </c>
      <c r="G1881">
        <v>2</v>
      </c>
      <c r="H1881">
        <v>380</v>
      </c>
      <c r="I1881">
        <v>1</v>
      </c>
      <c r="J1881">
        <v>0</v>
      </c>
      <c r="K1881">
        <v>595720</v>
      </c>
      <c r="L1881">
        <v>595721</v>
      </c>
      <c r="M1881">
        <v>96</v>
      </c>
      <c r="N1881" t="s">
        <v>7</v>
      </c>
      <c r="O1881" s="1">
        <v>42561.52847222222</v>
      </c>
      <c r="P1881" s="1">
        <v>42561.529166666667</v>
      </c>
    </row>
    <row r="1882" spans="1:16" x14ac:dyDescent="0.4">
      <c r="A1882">
        <v>2996</v>
      </c>
      <c r="B1882">
        <v>135050</v>
      </c>
      <c r="C1882" s="1">
        <v>42561</v>
      </c>
      <c r="D1882">
        <v>142</v>
      </c>
      <c r="E1882">
        <v>125</v>
      </c>
      <c r="F1882" t="s">
        <v>31</v>
      </c>
      <c r="G1882">
        <v>15</v>
      </c>
      <c r="H1882">
        <v>350</v>
      </c>
      <c r="I1882">
        <v>1</v>
      </c>
      <c r="J1882">
        <v>0</v>
      </c>
      <c r="K1882">
        <v>595831</v>
      </c>
      <c r="L1882">
        <v>595832</v>
      </c>
      <c r="M1882">
        <v>96</v>
      </c>
      <c r="N1882" t="s">
        <v>7</v>
      </c>
      <c r="O1882" s="1">
        <v>42561.720833333333</v>
      </c>
      <c r="P1882" s="1">
        <v>42561.72152777778</v>
      </c>
    </row>
    <row r="1883" spans="1:16" x14ac:dyDescent="0.4">
      <c r="A1883">
        <v>2998</v>
      </c>
      <c r="B1883">
        <v>135146</v>
      </c>
      <c r="C1883" s="1">
        <v>42562</v>
      </c>
      <c r="D1883">
        <v>93</v>
      </c>
      <c r="E1883">
        <v>74</v>
      </c>
      <c r="F1883" t="s">
        <v>134</v>
      </c>
      <c r="G1883">
        <v>7</v>
      </c>
      <c r="H1883">
        <v>480</v>
      </c>
      <c r="I1883">
        <v>1</v>
      </c>
      <c r="J1883">
        <v>0</v>
      </c>
      <c r="K1883">
        <v>596299</v>
      </c>
      <c r="L1883">
        <v>596300</v>
      </c>
      <c r="M1883">
        <v>106</v>
      </c>
      <c r="N1883" t="s">
        <v>267</v>
      </c>
      <c r="O1883" s="1">
        <v>42563.060416666667</v>
      </c>
      <c r="P1883" s="1">
        <v>42563.240277777775</v>
      </c>
    </row>
    <row r="1884" spans="1:16" x14ac:dyDescent="0.4">
      <c r="A1884">
        <v>2999</v>
      </c>
      <c r="B1884">
        <v>135146</v>
      </c>
      <c r="C1884" s="1">
        <v>42562</v>
      </c>
      <c r="D1884">
        <v>93</v>
      </c>
      <c r="E1884">
        <v>74</v>
      </c>
      <c r="F1884" t="s">
        <v>134</v>
      </c>
      <c r="G1884">
        <v>7</v>
      </c>
      <c r="H1884">
        <v>480</v>
      </c>
      <c r="I1884">
        <v>1</v>
      </c>
      <c r="J1884">
        <v>0</v>
      </c>
      <c r="K1884">
        <v>596301</v>
      </c>
      <c r="L1884">
        <v>596302</v>
      </c>
      <c r="M1884">
        <v>106</v>
      </c>
      <c r="N1884" t="s">
        <v>267</v>
      </c>
      <c r="O1884" s="1">
        <v>42563.00277777778</v>
      </c>
      <c r="P1884" s="1">
        <v>42563.240277777775</v>
      </c>
    </row>
    <row r="1885" spans="1:16" x14ac:dyDescent="0.4">
      <c r="A1885">
        <v>3000</v>
      </c>
      <c r="B1885">
        <v>135146</v>
      </c>
      <c r="C1885" s="1">
        <v>42562</v>
      </c>
      <c r="D1885">
        <v>75</v>
      </c>
      <c r="E1885">
        <v>56</v>
      </c>
      <c r="F1885" t="s">
        <v>49</v>
      </c>
      <c r="G1885">
        <v>7</v>
      </c>
      <c r="H1885">
        <v>400</v>
      </c>
      <c r="I1885">
        <v>1</v>
      </c>
      <c r="J1885">
        <v>0</v>
      </c>
      <c r="K1885">
        <v>596303</v>
      </c>
      <c r="L1885">
        <v>596304</v>
      </c>
      <c r="M1885">
        <v>106</v>
      </c>
      <c r="N1885" t="s">
        <v>267</v>
      </c>
      <c r="O1885" s="1">
        <v>42563.00277777778</v>
      </c>
      <c r="P1885" s="1">
        <v>42563.240277777775</v>
      </c>
    </row>
    <row r="1886" spans="1:16" x14ac:dyDescent="0.4">
      <c r="A1886">
        <v>3001</v>
      </c>
      <c r="B1886">
        <v>135196</v>
      </c>
      <c r="C1886" s="1">
        <v>42563</v>
      </c>
      <c r="D1886">
        <v>287</v>
      </c>
      <c r="E1886">
        <v>47</v>
      </c>
      <c r="F1886" t="s">
        <v>70</v>
      </c>
      <c r="G1886">
        <v>14</v>
      </c>
      <c r="H1886">
        <v>480</v>
      </c>
      <c r="I1886">
        <v>1</v>
      </c>
      <c r="J1886">
        <v>0</v>
      </c>
      <c r="K1886">
        <v>596499</v>
      </c>
      <c r="L1886">
        <v>596500</v>
      </c>
      <c r="M1886">
        <v>100</v>
      </c>
      <c r="N1886" t="s">
        <v>1</v>
      </c>
      <c r="O1886" s="1">
        <v>42564.072916666664</v>
      </c>
      <c r="P1886" s="1">
        <v>42564.100694444445</v>
      </c>
    </row>
    <row r="1887" spans="1:16" x14ac:dyDescent="0.4">
      <c r="A1887">
        <v>3002</v>
      </c>
      <c r="B1887">
        <v>135196</v>
      </c>
      <c r="C1887" s="1">
        <v>42563</v>
      </c>
      <c r="D1887">
        <v>213</v>
      </c>
      <c r="E1887">
        <v>211</v>
      </c>
      <c r="F1887" t="s">
        <v>46</v>
      </c>
      <c r="G1887">
        <v>14</v>
      </c>
      <c r="H1887">
        <v>0</v>
      </c>
      <c r="I1887">
        <v>1</v>
      </c>
      <c r="J1887">
        <v>0</v>
      </c>
      <c r="K1887">
        <v>596501</v>
      </c>
      <c r="L1887">
        <v>596502</v>
      </c>
      <c r="M1887">
        <v>100</v>
      </c>
      <c r="N1887" t="s">
        <v>1</v>
      </c>
      <c r="O1887" s="1">
        <v>42564.072916666664</v>
      </c>
      <c r="P1887" s="1">
        <v>42564.100694444445</v>
      </c>
    </row>
    <row r="1888" spans="1:16" x14ac:dyDescent="0.4">
      <c r="A1888">
        <v>3003</v>
      </c>
      <c r="B1888">
        <v>135254</v>
      </c>
      <c r="C1888" s="1">
        <v>42564</v>
      </c>
      <c r="D1888">
        <v>315</v>
      </c>
      <c r="E1888">
        <v>244</v>
      </c>
      <c r="F1888" t="s">
        <v>141</v>
      </c>
      <c r="G1888">
        <v>7</v>
      </c>
      <c r="H1888">
        <v>480</v>
      </c>
      <c r="I1888">
        <v>1</v>
      </c>
      <c r="J1888">
        <v>0</v>
      </c>
      <c r="K1888">
        <v>596695</v>
      </c>
      <c r="L1888">
        <v>596696</v>
      </c>
      <c r="M1888">
        <v>1</v>
      </c>
      <c r="N1888" t="s">
        <v>12</v>
      </c>
      <c r="O1888" s="1">
        <v>42565.033333333333</v>
      </c>
      <c r="P1888" s="1">
        <v>42565.072222222225</v>
      </c>
    </row>
    <row r="1889" spans="1:16" x14ac:dyDescent="0.4">
      <c r="A1889">
        <v>3004</v>
      </c>
      <c r="B1889">
        <v>135254</v>
      </c>
      <c r="C1889" s="1">
        <v>42564</v>
      </c>
      <c r="D1889">
        <v>316</v>
      </c>
      <c r="E1889">
        <v>245</v>
      </c>
      <c r="F1889" t="s">
        <v>105</v>
      </c>
      <c r="G1889">
        <v>7</v>
      </c>
      <c r="H1889">
        <v>480</v>
      </c>
      <c r="I1889">
        <v>1</v>
      </c>
      <c r="J1889">
        <v>0</v>
      </c>
      <c r="K1889">
        <v>596697</v>
      </c>
      <c r="L1889">
        <v>596698</v>
      </c>
      <c r="M1889">
        <v>1</v>
      </c>
      <c r="N1889" t="s">
        <v>12</v>
      </c>
      <c r="O1889" s="1">
        <v>42565.050694444442</v>
      </c>
      <c r="P1889" s="1">
        <v>42565.072222222225</v>
      </c>
    </row>
    <row r="1890" spans="1:16" x14ac:dyDescent="0.4">
      <c r="A1890">
        <v>2975</v>
      </c>
      <c r="B1890">
        <v>133936</v>
      </c>
      <c r="C1890" s="1">
        <v>42546</v>
      </c>
      <c r="D1890">
        <v>280</v>
      </c>
      <c r="E1890">
        <v>1266</v>
      </c>
      <c r="F1890" t="s">
        <v>13</v>
      </c>
      <c r="G1890">
        <v>2</v>
      </c>
      <c r="H1890">
        <v>680</v>
      </c>
      <c r="I1890">
        <v>1</v>
      </c>
      <c r="J1890">
        <v>0</v>
      </c>
      <c r="K1890">
        <v>590912</v>
      </c>
      <c r="L1890">
        <v>590913</v>
      </c>
      <c r="M1890">
        <v>1</v>
      </c>
      <c r="N1890" t="s">
        <v>12</v>
      </c>
      <c r="O1890" s="1">
        <v>42547.144444444442</v>
      </c>
      <c r="P1890" s="1">
        <v>42547.149305555555</v>
      </c>
    </row>
    <row r="1891" spans="1:16" x14ac:dyDescent="0.4">
      <c r="A1891">
        <v>2997</v>
      </c>
      <c r="B1891">
        <v>135057</v>
      </c>
      <c r="C1891" s="1">
        <v>42561</v>
      </c>
      <c r="D1891">
        <v>188</v>
      </c>
      <c r="E1891">
        <v>227</v>
      </c>
      <c r="F1891" t="s">
        <v>113</v>
      </c>
      <c r="G1891">
        <v>9</v>
      </c>
      <c r="H1891">
        <v>280</v>
      </c>
      <c r="I1891">
        <v>1</v>
      </c>
      <c r="J1891">
        <v>0</v>
      </c>
      <c r="K1891">
        <v>595907</v>
      </c>
      <c r="L1891">
        <v>595908</v>
      </c>
      <c r="M1891">
        <v>101</v>
      </c>
      <c r="N1891" t="s">
        <v>306</v>
      </c>
      <c r="O1891" s="1">
        <v>42561.859027777777</v>
      </c>
      <c r="P1891" s="1">
        <v>42561.859027777777</v>
      </c>
    </row>
    <row r="1892" spans="1:16" x14ac:dyDescent="0.4">
      <c r="A1892">
        <v>3005</v>
      </c>
      <c r="B1892">
        <v>135254</v>
      </c>
      <c r="C1892" s="1">
        <v>42564</v>
      </c>
      <c r="D1892">
        <v>274</v>
      </c>
      <c r="E1892">
        <v>46</v>
      </c>
      <c r="F1892" t="s">
        <v>75</v>
      </c>
      <c r="G1892">
        <v>7</v>
      </c>
      <c r="H1892">
        <v>480</v>
      </c>
      <c r="I1892">
        <v>1</v>
      </c>
      <c r="J1892">
        <v>0</v>
      </c>
      <c r="K1892">
        <v>596708</v>
      </c>
      <c r="L1892">
        <v>596709</v>
      </c>
      <c r="M1892">
        <v>90</v>
      </c>
      <c r="N1892" t="s">
        <v>9</v>
      </c>
      <c r="O1892" s="1">
        <v>42565.137499999997</v>
      </c>
      <c r="P1892" s="1">
        <v>42565.137499999997</v>
      </c>
    </row>
    <row r="1893" spans="1:16" x14ac:dyDescent="0.4">
      <c r="A1893">
        <v>3006</v>
      </c>
      <c r="B1893">
        <v>135254</v>
      </c>
      <c r="C1893" s="1">
        <v>42564</v>
      </c>
      <c r="D1893">
        <v>90</v>
      </c>
      <c r="E1893">
        <v>71</v>
      </c>
      <c r="F1893" t="s">
        <v>91</v>
      </c>
      <c r="G1893">
        <v>7</v>
      </c>
      <c r="H1893">
        <v>400</v>
      </c>
      <c r="I1893">
        <v>1</v>
      </c>
      <c r="J1893">
        <v>0</v>
      </c>
      <c r="K1893">
        <v>596710</v>
      </c>
      <c r="L1893">
        <v>596711</v>
      </c>
      <c r="M1893">
        <v>90</v>
      </c>
      <c r="N1893" t="s">
        <v>9</v>
      </c>
      <c r="O1893" s="1">
        <v>42565.137499999997</v>
      </c>
      <c r="P1893" s="1">
        <v>42565.137499999997</v>
      </c>
    </row>
    <row r="1894" spans="1:16" x14ac:dyDescent="0.4">
      <c r="A1894">
        <v>3007</v>
      </c>
      <c r="B1894">
        <v>135311</v>
      </c>
      <c r="C1894" s="1">
        <v>42565</v>
      </c>
      <c r="D1894">
        <v>125</v>
      </c>
      <c r="E1894">
        <v>126</v>
      </c>
      <c r="F1894" t="s">
        <v>8</v>
      </c>
      <c r="G1894">
        <v>2</v>
      </c>
      <c r="H1894">
        <v>380</v>
      </c>
      <c r="I1894">
        <v>1</v>
      </c>
      <c r="J1894">
        <v>0</v>
      </c>
      <c r="K1894">
        <v>596903</v>
      </c>
      <c r="L1894">
        <v>596904</v>
      </c>
      <c r="M1894">
        <v>102</v>
      </c>
      <c r="N1894" t="s">
        <v>27</v>
      </c>
      <c r="O1894" s="1">
        <v>42565.908333333333</v>
      </c>
      <c r="P1894" s="1">
        <v>42565.908333333333</v>
      </c>
    </row>
    <row r="1895" spans="1:16" x14ac:dyDescent="0.4">
      <c r="A1895">
        <v>3008</v>
      </c>
      <c r="B1895">
        <v>135319</v>
      </c>
      <c r="C1895" s="1">
        <v>42565</v>
      </c>
      <c r="D1895">
        <v>90</v>
      </c>
      <c r="E1895">
        <v>71</v>
      </c>
      <c r="F1895" t="s">
        <v>91</v>
      </c>
      <c r="G1895">
        <v>3</v>
      </c>
      <c r="H1895">
        <v>400</v>
      </c>
      <c r="I1895">
        <v>1</v>
      </c>
      <c r="J1895">
        <v>0</v>
      </c>
      <c r="K1895">
        <v>596947</v>
      </c>
      <c r="L1895">
        <v>596948</v>
      </c>
      <c r="M1895">
        <v>1</v>
      </c>
      <c r="N1895" t="s">
        <v>12</v>
      </c>
      <c r="O1895" s="1">
        <v>42565.988888888889</v>
      </c>
      <c r="P1895" s="1">
        <v>42565.988888888889</v>
      </c>
    </row>
    <row r="1896" spans="1:16" x14ac:dyDescent="0.4">
      <c r="A1896">
        <v>3009</v>
      </c>
      <c r="B1896">
        <v>135319</v>
      </c>
      <c r="C1896" s="1">
        <v>42565</v>
      </c>
      <c r="D1896">
        <v>82</v>
      </c>
      <c r="E1896">
        <v>63</v>
      </c>
      <c r="F1896" t="s">
        <v>169</v>
      </c>
      <c r="G1896">
        <v>3</v>
      </c>
      <c r="H1896">
        <v>400</v>
      </c>
      <c r="I1896">
        <v>1</v>
      </c>
      <c r="J1896">
        <v>0</v>
      </c>
      <c r="K1896">
        <v>596949</v>
      </c>
      <c r="L1896">
        <v>596950</v>
      </c>
      <c r="M1896">
        <v>1</v>
      </c>
      <c r="N1896" t="s">
        <v>12</v>
      </c>
      <c r="O1896" s="1">
        <v>42565.988888888889</v>
      </c>
      <c r="P1896" s="1">
        <v>42565.988888888889</v>
      </c>
    </row>
    <row r="1897" spans="1:16" x14ac:dyDescent="0.4">
      <c r="A1897">
        <v>3010</v>
      </c>
      <c r="B1897">
        <v>135361</v>
      </c>
      <c r="C1897" s="1">
        <v>42566</v>
      </c>
      <c r="D1897">
        <v>10</v>
      </c>
      <c r="E1897">
        <v>102</v>
      </c>
      <c r="F1897" t="s">
        <v>2</v>
      </c>
      <c r="G1897">
        <v>12</v>
      </c>
      <c r="H1897">
        <v>420</v>
      </c>
      <c r="I1897">
        <v>1</v>
      </c>
      <c r="J1897">
        <v>0</v>
      </c>
      <c r="K1897">
        <v>597124</v>
      </c>
      <c r="L1897">
        <v>597125</v>
      </c>
      <c r="M1897">
        <v>100</v>
      </c>
      <c r="N1897" t="s">
        <v>1</v>
      </c>
      <c r="O1897" s="1">
        <v>42566.771527777775</v>
      </c>
      <c r="P1897" s="1">
        <v>42566.774305555555</v>
      </c>
    </row>
    <row r="1898" spans="1:16" x14ac:dyDescent="0.4">
      <c r="A1898">
        <v>3011</v>
      </c>
      <c r="B1898">
        <v>135473</v>
      </c>
      <c r="C1898" s="1">
        <v>42567</v>
      </c>
      <c r="D1898">
        <v>148</v>
      </c>
      <c r="E1898">
        <v>124</v>
      </c>
      <c r="F1898" t="s">
        <v>35</v>
      </c>
      <c r="G1898">
        <v>7</v>
      </c>
      <c r="H1898">
        <v>450</v>
      </c>
      <c r="I1898">
        <v>2</v>
      </c>
      <c r="J1898">
        <v>0</v>
      </c>
      <c r="K1898">
        <v>597607</v>
      </c>
      <c r="L1898">
        <v>597608</v>
      </c>
      <c r="M1898">
        <v>99</v>
      </c>
      <c r="N1898" t="s">
        <v>308</v>
      </c>
      <c r="O1898" s="1">
        <v>42567.780555555553</v>
      </c>
      <c r="P1898" s="1">
        <v>42567.801388888889</v>
      </c>
    </row>
    <row r="1899" spans="1:16" x14ac:dyDescent="0.4">
      <c r="A1899">
        <v>3012</v>
      </c>
      <c r="B1899">
        <v>135485</v>
      </c>
      <c r="C1899" s="1">
        <v>42567</v>
      </c>
      <c r="D1899">
        <v>65</v>
      </c>
      <c r="E1899">
        <v>38</v>
      </c>
      <c r="F1899" t="s">
        <v>80</v>
      </c>
      <c r="G1899">
        <v>9</v>
      </c>
      <c r="H1899">
        <v>320</v>
      </c>
      <c r="I1899">
        <v>1</v>
      </c>
      <c r="J1899">
        <v>0</v>
      </c>
      <c r="K1899">
        <v>597678</v>
      </c>
      <c r="L1899">
        <v>597679</v>
      </c>
      <c r="M1899">
        <v>101</v>
      </c>
      <c r="N1899" t="s">
        <v>306</v>
      </c>
      <c r="O1899" s="1">
        <v>42567.86041666667</v>
      </c>
      <c r="P1899" s="1">
        <v>42567.863194444442</v>
      </c>
    </row>
    <row r="1900" spans="1:16" x14ac:dyDescent="0.4">
      <c r="A1900">
        <v>3013</v>
      </c>
      <c r="B1900">
        <v>135605</v>
      </c>
      <c r="C1900" s="1">
        <v>42568</v>
      </c>
      <c r="D1900">
        <v>182</v>
      </c>
      <c r="E1900">
        <v>143</v>
      </c>
      <c r="F1900" t="s">
        <v>151</v>
      </c>
      <c r="G1900">
        <v>15</v>
      </c>
      <c r="H1900">
        <v>420</v>
      </c>
      <c r="I1900">
        <v>1</v>
      </c>
      <c r="J1900">
        <v>0</v>
      </c>
      <c r="K1900">
        <v>598262</v>
      </c>
      <c r="L1900">
        <v>598263</v>
      </c>
      <c r="M1900">
        <v>1</v>
      </c>
      <c r="N1900" t="s">
        <v>12</v>
      </c>
      <c r="O1900" s="1">
        <v>42568.938888888886</v>
      </c>
      <c r="P1900" s="1">
        <v>42568.939583333333</v>
      </c>
    </row>
    <row r="1901" spans="1:16" x14ac:dyDescent="0.4">
      <c r="A1901">
        <v>3014</v>
      </c>
      <c r="B1901">
        <v>135605</v>
      </c>
      <c r="C1901" s="1">
        <v>42568</v>
      </c>
      <c r="D1901">
        <v>301</v>
      </c>
      <c r="E1901">
        <v>1430</v>
      </c>
      <c r="F1901" t="s">
        <v>19</v>
      </c>
      <c r="G1901">
        <v>15</v>
      </c>
      <c r="H1901">
        <v>420</v>
      </c>
      <c r="I1901">
        <v>1</v>
      </c>
      <c r="J1901">
        <v>0</v>
      </c>
      <c r="K1901">
        <v>598264</v>
      </c>
      <c r="L1901">
        <v>598265</v>
      </c>
      <c r="M1901">
        <v>1</v>
      </c>
      <c r="N1901" t="s">
        <v>12</v>
      </c>
      <c r="O1901" s="1">
        <v>42568.938888888886</v>
      </c>
      <c r="P1901" s="1">
        <v>42568.939583333333</v>
      </c>
    </row>
    <row r="1902" spans="1:16" x14ac:dyDescent="0.4">
      <c r="A1902">
        <v>3015</v>
      </c>
      <c r="B1902">
        <v>135941</v>
      </c>
      <c r="C1902" s="1">
        <v>42573</v>
      </c>
      <c r="D1902">
        <v>300</v>
      </c>
      <c r="E1902">
        <v>1433</v>
      </c>
      <c r="F1902" t="s">
        <v>302</v>
      </c>
      <c r="G1902">
        <v>10</v>
      </c>
      <c r="H1902">
        <v>420</v>
      </c>
      <c r="I1902">
        <v>1</v>
      </c>
      <c r="J1902">
        <v>0</v>
      </c>
      <c r="K1902">
        <v>599740</v>
      </c>
      <c r="L1902">
        <v>599741</v>
      </c>
      <c r="M1902">
        <v>1</v>
      </c>
      <c r="N1902" t="s">
        <v>12</v>
      </c>
      <c r="O1902" s="1">
        <v>42573.942361111112</v>
      </c>
      <c r="P1902" s="1">
        <v>42573.942361111112</v>
      </c>
    </row>
    <row r="1903" spans="1:16" x14ac:dyDescent="0.4">
      <c r="A1903">
        <v>3016</v>
      </c>
      <c r="B1903">
        <v>136051</v>
      </c>
      <c r="C1903" s="1">
        <v>42574</v>
      </c>
      <c r="D1903">
        <v>71</v>
      </c>
      <c r="E1903">
        <v>52</v>
      </c>
      <c r="F1903" t="s">
        <v>23</v>
      </c>
      <c r="G1903">
        <v>16</v>
      </c>
      <c r="H1903">
        <v>400</v>
      </c>
      <c r="I1903">
        <v>1</v>
      </c>
      <c r="J1903">
        <v>0</v>
      </c>
      <c r="K1903">
        <v>600328</v>
      </c>
      <c r="L1903">
        <v>600329</v>
      </c>
      <c r="M1903">
        <v>84</v>
      </c>
      <c r="N1903" t="s">
        <v>299</v>
      </c>
      <c r="O1903" s="1">
        <v>42575.011805555558</v>
      </c>
      <c r="P1903" s="1">
        <v>42575.05972222222</v>
      </c>
    </row>
    <row r="1904" spans="1:16" x14ac:dyDescent="0.4">
      <c r="A1904">
        <v>3017</v>
      </c>
      <c r="B1904">
        <v>136051</v>
      </c>
      <c r="C1904" s="1">
        <v>42574</v>
      </c>
      <c r="D1904">
        <v>249</v>
      </c>
      <c r="E1904">
        <v>241</v>
      </c>
      <c r="F1904" t="s">
        <v>140</v>
      </c>
      <c r="G1904">
        <v>16</v>
      </c>
      <c r="H1904">
        <v>420</v>
      </c>
      <c r="I1904">
        <v>5</v>
      </c>
      <c r="J1904">
        <v>0</v>
      </c>
      <c r="K1904">
        <v>600330</v>
      </c>
      <c r="L1904">
        <v>600331</v>
      </c>
      <c r="M1904">
        <v>84</v>
      </c>
      <c r="N1904" t="s">
        <v>299</v>
      </c>
      <c r="O1904" s="1">
        <v>42575.058333333334</v>
      </c>
      <c r="P1904" s="1">
        <v>42575.05972222222</v>
      </c>
    </row>
    <row r="1905" spans="1:16" x14ac:dyDescent="0.4">
      <c r="A1905">
        <v>3018</v>
      </c>
      <c r="B1905">
        <v>136155</v>
      </c>
      <c r="C1905" s="1">
        <v>42575</v>
      </c>
      <c r="D1905">
        <v>125</v>
      </c>
      <c r="E1905">
        <v>126</v>
      </c>
      <c r="F1905" t="s">
        <v>8</v>
      </c>
      <c r="G1905">
        <v>7</v>
      </c>
      <c r="H1905">
        <v>380</v>
      </c>
      <c r="I1905">
        <v>1</v>
      </c>
      <c r="J1905">
        <v>0</v>
      </c>
      <c r="K1905">
        <v>600743</v>
      </c>
      <c r="L1905">
        <v>600744</v>
      </c>
      <c r="M1905">
        <v>97</v>
      </c>
      <c r="N1905" t="s">
        <v>17</v>
      </c>
      <c r="O1905" s="1">
        <v>42576.134027777778</v>
      </c>
      <c r="P1905" s="1">
        <v>42576.135416666664</v>
      </c>
    </row>
    <row r="1906" spans="1:16" x14ac:dyDescent="0.4">
      <c r="A1906">
        <v>3019</v>
      </c>
      <c r="B1906">
        <v>136343</v>
      </c>
      <c r="C1906" s="1">
        <v>42578</v>
      </c>
      <c r="D1906">
        <v>97</v>
      </c>
      <c r="E1906">
        <v>21</v>
      </c>
      <c r="F1906" t="s">
        <v>6</v>
      </c>
      <c r="G1906">
        <v>4</v>
      </c>
      <c r="H1906">
        <v>420</v>
      </c>
      <c r="I1906">
        <v>2</v>
      </c>
      <c r="J1906">
        <v>0</v>
      </c>
      <c r="K1906">
        <v>601494</v>
      </c>
      <c r="L1906">
        <v>601495</v>
      </c>
      <c r="M1906">
        <v>1</v>
      </c>
      <c r="N1906" t="s">
        <v>12</v>
      </c>
      <c r="O1906" s="1">
        <v>42578.923611111109</v>
      </c>
      <c r="P1906" s="1">
        <v>42578.936111111114</v>
      </c>
    </row>
    <row r="1907" spans="1:16" x14ac:dyDescent="0.4">
      <c r="A1907">
        <v>3020</v>
      </c>
      <c r="B1907">
        <v>136343</v>
      </c>
      <c r="C1907" s="1">
        <v>42578</v>
      </c>
      <c r="D1907">
        <v>97</v>
      </c>
      <c r="E1907">
        <v>21</v>
      </c>
      <c r="F1907" t="s">
        <v>6</v>
      </c>
      <c r="G1907">
        <v>4</v>
      </c>
      <c r="H1907">
        <v>420</v>
      </c>
      <c r="I1907">
        <v>2</v>
      </c>
      <c r="J1907">
        <v>0</v>
      </c>
      <c r="K1907">
        <v>601496</v>
      </c>
      <c r="L1907">
        <v>601497</v>
      </c>
      <c r="M1907">
        <v>1</v>
      </c>
      <c r="N1907" t="s">
        <v>12</v>
      </c>
      <c r="O1907" s="1">
        <v>42578.932638888888</v>
      </c>
      <c r="P1907" s="1">
        <v>42578.936111111114</v>
      </c>
    </row>
    <row r="1908" spans="1:16" x14ac:dyDescent="0.4">
      <c r="A1908">
        <v>3021</v>
      </c>
      <c r="B1908">
        <v>136720</v>
      </c>
      <c r="C1908" s="1">
        <v>42582</v>
      </c>
      <c r="D1908">
        <v>186</v>
      </c>
      <c r="E1908">
        <v>225</v>
      </c>
      <c r="F1908" t="s">
        <v>34</v>
      </c>
      <c r="G1908">
        <v>16</v>
      </c>
      <c r="H1908">
        <v>350</v>
      </c>
      <c r="I1908">
        <v>2</v>
      </c>
      <c r="J1908">
        <v>0</v>
      </c>
      <c r="K1908">
        <v>603221</v>
      </c>
      <c r="L1908">
        <v>603222</v>
      </c>
      <c r="M1908">
        <v>1</v>
      </c>
      <c r="N1908" t="s">
        <v>12</v>
      </c>
      <c r="O1908" s="1">
        <v>42583.157638888886</v>
      </c>
      <c r="P1908" s="1">
        <v>42583.243750000001</v>
      </c>
    </row>
    <row r="1909" spans="1:16" x14ac:dyDescent="0.4">
      <c r="A1909">
        <v>3022</v>
      </c>
      <c r="B1909">
        <v>136720</v>
      </c>
      <c r="C1909" s="1">
        <v>42582</v>
      </c>
      <c r="D1909">
        <v>187</v>
      </c>
      <c r="E1909">
        <v>226</v>
      </c>
      <c r="F1909" t="s">
        <v>114</v>
      </c>
      <c r="G1909">
        <v>16</v>
      </c>
      <c r="H1909">
        <v>280</v>
      </c>
      <c r="I1909">
        <v>1</v>
      </c>
      <c r="J1909">
        <v>0</v>
      </c>
      <c r="K1909">
        <v>603223</v>
      </c>
      <c r="L1909">
        <v>603224</v>
      </c>
      <c r="M1909">
        <v>1</v>
      </c>
      <c r="N1909" t="s">
        <v>12</v>
      </c>
      <c r="O1909" s="1">
        <v>42583.157638888886</v>
      </c>
      <c r="P1909" s="1">
        <v>42583.243750000001</v>
      </c>
    </row>
    <row r="1910" spans="1:16" x14ac:dyDescent="0.4">
      <c r="A1910">
        <v>3023</v>
      </c>
      <c r="B1910">
        <v>137117</v>
      </c>
      <c r="C1910" s="1">
        <v>42587</v>
      </c>
      <c r="D1910">
        <v>10</v>
      </c>
      <c r="E1910">
        <v>102</v>
      </c>
      <c r="F1910" t="s">
        <v>2</v>
      </c>
      <c r="G1910">
        <v>20</v>
      </c>
      <c r="H1910">
        <v>420</v>
      </c>
      <c r="I1910">
        <v>1</v>
      </c>
      <c r="J1910">
        <v>0</v>
      </c>
      <c r="K1910">
        <v>604874</v>
      </c>
      <c r="L1910">
        <v>604875</v>
      </c>
      <c r="M1910">
        <v>97</v>
      </c>
      <c r="N1910" t="s">
        <v>17</v>
      </c>
      <c r="O1910" s="1">
        <v>42588.209027777775</v>
      </c>
      <c r="P1910" s="1">
        <v>42588.216666666667</v>
      </c>
    </row>
    <row r="1911" spans="1:16" x14ac:dyDescent="0.4">
      <c r="A1911">
        <v>3024</v>
      </c>
      <c r="B1911">
        <v>137270</v>
      </c>
      <c r="C1911" s="1">
        <v>42589</v>
      </c>
      <c r="D1911">
        <v>122</v>
      </c>
      <c r="E1911">
        <v>142</v>
      </c>
      <c r="F1911" t="s">
        <v>25</v>
      </c>
      <c r="G1911">
        <v>20</v>
      </c>
      <c r="H1911">
        <v>350</v>
      </c>
      <c r="I1911">
        <v>1</v>
      </c>
      <c r="J1911">
        <v>0</v>
      </c>
      <c r="K1911">
        <v>605602</v>
      </c>
      <c r="L1911">
        <v>605603</v>
      </c>
      <c r="M1911">
        <v>99</v>
      </c>
      <c r="N1911" t="s">
        <v>308</v>
      </c>
      <c r="O1911" s="1">
        <v>42589.775000000001</v>
      </c>
      <c r="P1911" s="1">
        <v>42589.796527777777</v>
      </c>
    </row>
    <row r="1912" spans="1:16" x14ac:dyDescent="0.4">
      <c r="A1912">
        <v>3025</v>
      </c>
      <c r="B1912">
        <v>137270</v>
      </c>
      <c r="C1912" s="1">
        <v>42589</v>
      </c>
      <c r="D1912">
        <v>127</v>
      </c>
      <c r="E1912">
        <v>136</v>
      </c>
      <c r="F1912" t="s">
        <v>32</v>
      </c>
      <c r="G1912">
        <v>20</v>
      </c>
      <c r="H1912">
        <v>600</v>
      </c>
      <c r="I1912">
        <v>1</v>
      </c>
      <c r="J1912">
        <v>0</v>
      </c>
      <c r="K1912">
        <v>605604</v>
      </c>
      <c r="L1912">
        <v>605605</v>
      </c>
      <c r="M1912">
        <v>99</v>
      </c>
      <c r="N1912" t="s">
        <v>308</v>
      </c>
      <c r="O1912" s="1">
        <v>42589.775000000001</v>
      </c>
      <c r="P1912" s="1">
        <v>42589.796527777777</v>
      </c>
    </row>
    <row r="1913" spans="1:16" x14ac:dyDescent="0.4">
      <c r="A1913">
        <v>3026</v>
      </c>
      <c r="B1913">
        <v>137255</v>
      </c>
      <c r="C1913" s="1">
        <v>42589</v>
      </c>
      <c r="D1913">
        <v>290</v>
      </c>
      <c r="E1913">
        <v>1260</v>
      </c>
      <c r="F1913" t="s">
        <v>22</v>
      </c>
      <c r="G1913">
        <v>18</v>
      </c>
      <c r="H1913">
        <v>500</v>
      </c>
      <c r="I1913">
        <v>1</v>
      </c>
      <c r="J1913">
        <v>0</v>
      </c>
      <c r="K1913">
        <v>605609</v>
      </c>
      <c r="L1913">
        <v>605610</v>
      </c>
      <c r="M1913">
        <v>100</v>
      </c>
      <c r="N1913" t="s">
        <v>1</v>
      </c>
      <c r="O1913" s="1">
        <v>42589.677777777775</v>
      </c>
      <c r="P1913" s="1">
        <v>42589.802777777775</v>
      </c>
    </row>
    <row r="1914" spans="1:16" x14ac:dyDescent="0.4">
      <c r="A1914">
        <v>3027</v>
      </c>
      <c r="B1914">
        <v>137255</v>
      </c>
      <c r="C1914" s="1">
        <v>42589</v>
      </c>
      <c r="D1914">
        <v>290</v>
      </c>
      <c r="E1914">
        <v>1260</v>
      </c>
      <c r="F1914" t="s">
        <v>22</v>
      </c>
      <c r="G1914">
        <v>18</v>
      </c>
      <c r="H1914">
        <v>500</v>
      </c>
      <c r="I1914">
        <v>1</v>
      </c>
      <c r="J1914">
        <v>0</v>
      </c>
      <c r="K1914">
        <v>605612</v>
      </c>
      <c r="L1914">
        <v>605613</v>
      </c>
      <c r="M1914">
        <v>100</v>
      </c>
      <c r="N1914" t="s">
        <v>1</v>
      </c>
      <c r="O1914" s="1">
        <v>42589.802777777775</v>
      </c>
      <c r="P1914" s="1">
        <v>42589.802777777775</v>
      </c>
    </row>
    <row r="1915" spans="1:16" x14ac:dyDescent="0.4">
      <c r="A1915">
        <v>3028</v>
      </c>
      <c r="B1915">
        <v>137272</v>
      </c>
      <c r="C1915" s="1">
        <v>42589</v>
      </c>
      <c r="D1915">
        <v>290</v>
      </c>
      <c r="E1915">
        <v>1260</v>
      </c>
      <c r="F1915" t="s">
        <v>22</v>
      </c>
      <c r="G1915">
        <v>10</v>
      </c>
      <c r="H1915">
        <v>500</v>
      </c>
      <c r="I1915">
        <v>1</v>
      </c>
      <c r="J1915">
        <v>0</v>
      </c>
      <c r="K1915">
        <v>605622</v>
      </c>
      <c r="L1915">
        <v>605623</v>
      </c>
      <c r="M1915">
        <v>100</v>
      </c>
      <c r="N1915" t="s">
        <v>1</v>
      </c>
      <c r="O1915" s="1">
        <v>42589.811111111114</v>
      </c>
      <c r="P1915" s="1">
        <v>42589.811111111114</v>
      </c>
    </row>
    <row r="1916" spans="1:16" x14ac:dyDescent="0.4">
      <c r="A1916">
        <v>3029</v>
      </c>
      <c r="B1916">
        <v>137278</v>
      </c>
      <c r="C1916" s="1">
        <v>42589</v>
      </c>
      <c r="D1916">
        <v>69</v>
      </c>
      <c r="E1916">
        <v>50</v>
      </c>
      <c r="F1916" t="s">
        <v>18</v>
      </c>
      <c r="G1916">
        <v>6</v>
      </c>
      <c r="H1916">
        <v>480</v>
      </c>
      <c r="I1916">
        <v>1</v>
      </c>
      <c r="J1916">
        <v>0</v>
      </c>
      <c r="K1916">
        <v>605645</v>
      </c>
      <c r="L1916">
        <v>605646</v>
      </c>
      <c r="M1916">
        <v>99</v>
      </c>
      <c r="N1916" t="s">
        <v>308</v>
      </c>
      <c r="O1916" s="1">
        <v>42589.838888888888</v>
      </c>
      <c r="P1916" s="1">
        <v>42589.838888888888</v>
      </c>
    </row>
    <row r="1917" spans="1:16" x14ac:dyDescent="0.4">
      <c r="A1917">
        <v>3030</v>
      </c>
      <c r="B1917">
        <v>137288</v>
      </c>
      <c r="C1917" s="1">
        <v>42589</v>
      </c>
      <c r="D1917">
        <v>186</v>
      </c>
      <c r="E1917">
        <v>225</v>
      </c>
      <c r="F1917" t="s">
        <v>34</v>
      </c>
      <c r="G1917">
        <v>20</v>
      </c>
      <c r="H1917">
        <v>350</v>
      </c>
      <c r="I1917">
        <v>1</v>
      </c>
      <c r="J1917">
        <v>0</v>
      </c>
      <c r="K1917">
        <v>605708</v>
      </c>
      <c r="L1917">
        <v>605709</v>
      </c>
      <c r="M1917">
        <v>1</v>
      </c>
      <c r="N1917" t="s">
        <v>12</v>
      </c>
      <c r="O1917" s="1">
        <v>42589.949305555558</v>
      </c>
      <c r="P1917" s="1">
        <v>42589.949305555558</v>
      </c>
    </row>
    <row r="1918" spans="1:16" x14ac:dyDescent="0.4">
      <c r="A1918">
        <v>3031</v>
      </c>
      <c r="B1918">
        <v>137288</v>
      </c>
      <c r="C1918" s="1">
        <v>42589</v>
      </c>
      <c r="D1918">
        <v>76</v>
      </c>
      <c r="E1918">
        <v>51</v>
      </c>
      <c r="F1918" t="s">
        <v>33</v>
      </c>
      <c r="G1918">
        <v>20</v>
      </c>
      <c r="H1918">
        <v>400</v>
      </c>
      <c r="I1918">
        <v>1</v>
      </c>
      <c r="J1918">
        <v>0</v>
      </c>
      <c r="K1918">
        <v>605710</v>
      </c>
      <c r="L1918">
        <v>605711</v>
      </c>
      <c r="M1918">
        <v>1</v>
      </c>
      <c r="N1918" t="s">
        <v>12</v>
      </c>
      <c r="O1918" s="1">
        <v>42589.949305555558</v>
      </c>
      <c r="P1918" s="1">
        <v>42589.949305555558</v>
      </c>
    </row>
    <row r="1919" spans="1:16" x14ac:dyDescent="0.4">
      <c r="A1919">
        <v>3032</v>
      </c>
      <c r="B1919">
        <v>137288</v>
      </c>
      <c r="C1919" s="1">
        <v>42589</v>
      </c>
      <c r="D1919">
        <v>60</v>
      </c>
      <c r="E1919">
        <v>33</v>
      </c>
      <c r="F1919" t="s">
        <v>86</v>
      </c>
      <c r="G1919">
        <v>20</v>
      </c>
      <c r="H1919">
        <v>320</v>
      </c>
      <c r="I1919">
        <v>1</v>
      </c>
      <c r="J1919">
        <v>0</v>
      </c>
      <c r="K1919">
        <v>605712</v>
      </c>
      <c r="L1919">
        <v>605713</v>
      </c>
      <c r="M1919">
        <v>1</v>
      </c>
      <c r="N1919" t="s">
        <v>12</v>
      </c>
      <c r="O1919" s="1">
        <v>42589.949305555558</v>
      </c>
      <c r="P1919" s="1">
        <v>42589.949305555558</v>
      </c>
    </row>
    <row r="1920" spans="1:16" x14ac:dyDescent="0.4">
      <c r="A1920">
        <v>3033</v>
      </c>
      <c r="B1920">
        <v>137273</v>
      </c>
      <c r="C1920" s="1">
        <v>42589</v>
      </c>
      <c r="D1920">
        <v>97</v>
      </c>
      <c r="E1920">
        <v>21</v>
      </c>
      <c r="F1920" t="s">
        <v>6</v>
      </c>
      <c r="G1920">
        <v>4</v>
      </c>
      <c r="H1920">
        <v>420</v>
      </c>
      <c r="I1920">
        <v>2</v>
      </c>
      <c r="J1920">
        <v>1</v>
      </c>
      <c r="K1920">
        <v>605746</v>
      </c>
      <c r="L1920">
        <v>605747</v>
      </c>
      <c r="M1920">
        <v>91</v>
      </c>
      <c r="N1920" t="s">
        <v>24</v>
      </c>
      <c r="O1920" s="1">
        <v>42589.976388888892</v>
      </c>
      <c r="P1920" s="1">
        <v>42589.992361111108</v>
      </c>
    </row>
    <row r="1921" spans="1:16" x14ac:dyDescent="0.4">
      <c r="A1921">
        <v>3034</v>
      </c>
      <c r="B1921">
        <v>137421</v>
      </c>
      <c r="C1921" s="1">
        <v>42591</v>
      </c>
      <c r="D1921">
        <v>219</v>
      </c>
      <c r="E1921">
        <v>292</v>
      </c>
      <c r="F1921" t="s">
        <v>311</v>
      </c>
      <c r="G1921">
        <v>20</v>
      </c>
      <c r="H1921">
        <v>250</v>
      </c>
      <c r="I1921">
        <v>3</v>
      </c>
      <c r="J1921">
        <v>1</v>
      </c>
      <c r="K1921">
        <v>606297</v>
      </c>
      <c r="L1921">
        <v>606298</v>
      </c>
      <c r="M1921">
        <v>74</v>
      </c>
      <c r="N1921" t="s">
        <v>56</v>
      </c>
      <c r="O1921" s="1">
        <v>42591.897222222222</v>
      </c>
      <c r="P1921" s="1">
        <v>42591.921527777777</v>
      </c>
    </row>
    <row r="1922" spans="1:16" x14ac:dyDescent="0.4">
      <c r="A1922">
        <v>3035</v>
      </c>
      <c r="B1922">
        <v>137496</v>
      </c>
      <c r="C1922" s="1">
        <v>42592</v>
      </c>
      <c r="D1922">
        <v>58</v>
      </c>
      <c r="E1922">
        <v>31</v>
      </c>
      <c r="F1922" t="s">
        <v>29</v>
      </c>
      <c r="G1922">
        <v>3</v>
      </c>
      <c r="H1922">
        <v>320</v>
      </c>
      <c r="I1922">
        <v>1</v>
      </c>
      <c r="J1922">
        <v>0</v>
      </c>
      <c r="K1922">
        <v>606631</v>
      </c>
      <c r="L1922">
        <v>606632</v>
      </c>
      <c r="M1922">
        <v>102</v>
      </c>
      <c r="N1922" t="s">
        <v>27</v>
      </c>
      <c r="O1922" s="1">
        <v>42592.859027777777</v>
      </c>
      <c r="P1922" s="1">
        <v>42592.915972222225</v>
      </c>
    </row>
    <row r="1923" spans="1:16" x14ac:dyDescent="0.4">
      <c r="A1923">
        <v>3036</v>
      </c>
      <c r="B1923">
        <v>137496</v>
      </c>
      <c r="C1923" s="1">
        <v>42592</v>
      </c>
      <c r="D1923">
        <v>85</v>
      </c>
      <c r="E1923">
        <v>66</v>
      </c>
      <c r="F1923" t="s">
        <v>88</v>
      </c>
      <c r="G1923">
        <v>3</v>
      </c>
      <c r="H1923">
        <v>400</v>
      </c>
      <c r="I1923">
        <v>1</v>
      </c>
      <c r="J1923">
        <v>0</v>
      </c>
      <c r="K1923">
        <v>606633</v>
      </c>
      <c r="L1923">
        <v>606634</v>
      </c>
      <c r="M1923">
        <v>102</v>
      </c>
      <c r="N1923" t="s">
        <v>27</v>
      </c>
      <c r="O1923" s="1">
        <v>42592.874305555553</v>
      </c>
      <c r="P1923" s="1">
        <v>42592.915972222225</v>
      </c>
    </row>
    <row r="1924" spans="1:16" x14ac:dyDescent="0.4">
      <c r="A1924">
        <v>3037</v>
      </c>
      <c r="B1924">
        <v>137496</v>
      </c>
      <c r="C1924" s="1">
        <v>42592</v>
      </c>
      <c r="D1924">
        <v>186</v>
      </c>
      <c r="E1924">
        <v>225</v>
      </c>
      <c r="F1924" t="s">
        <v>34</v>
      </c>
      <c r="G1924">
        <v>3</v>
      </c>
      <c r="H1924">
        <v>350</v>
      </c>
      <c r="I1924">
        <v>1</v>
      </c>
      <c r="J1924">
        <v>0</v>
      </c>
      <c r="K1924">
        <v>606635</v>
      </c>
      <c r="L1924">
        <v>606636</v>
      </c>
      <c r="M1924">
        <v>102</v>
      </c>
      <c r="N1924" t="s">
        <v>27</v>
      </c>
      <c r="O1924" s="1">
        <v>42592.859027777777</v>
      </c>
      <c r="P1924" s="1">
        <v>42592.915972222225</v>
      </c>
    </row>
    <row r="1925" spans="1:16" x14ac:dyDescent="0.4">
      <c r="A1925">
        <v>3038</v>
      </c>
      <c r="B1925">
        <v>137496</v>
      </c>
      <c r="C1925" s="1">
        <v>42592</v>
      </c>
      <c r="D1925">
        <v>186</v>
      </c>
      <c r="E1925">
        <v>225</v>
      </c>
      <c r="F1925" t="s">
        <v>34</v>
      </c>
      <c r="G1925">
        <v>3</v>
      </c>
      <c r="H1925">
        <v>350</v>
      </c>
      <c r="I1925">
        <v>1</v>
      </c>
      <c r="J1925">
        <v>0</v>
      </c>
      <c r="K1925">
        <v>606637</v>
      </c>
      <c r="L1925">
        <v>606638</v>
      </c>
      <c r="M1925">
        <v>102</v>
      </c>
      <c r="N1925" t="s">
        <v>27</v>
      </c>
      <c r="O1925" s="1">
        <v>42592.874305555553</v>
      </c>
      <c r="P1925" s="1">
        <v>42592.915972222225</v>
      </c>
    </row>
    <row r="1926" spans="1:16" x14ac:dyDescent="0.4">
      <c r="A1926">
        <v>3039</v>
      </c>
      <c r="B1926">
        <v>137583</v>
      </c>
      <c r="C1926" s="1">
        <v>42593</v>
      </c>
      <c r="D1926">
        <v>284</v>
      </c>
      <c r="E1926">
        <v>380</v>
      </c>
      <c r="F1926" t="s">
        <v>300</v>
      </c>
      <c r="G1926">
        <v>6</v>
      </c>
      <c r="H1926">
        <v>450</v>
      </c>
      <c r="I1926">
        <v>1</v>
      </c>
      <c r="J1926">
        <v>0</v>
      </c>
      <c r="K1926">
        <v>607017</v>
      </c>
      <c r="L1926">
        <v>607018</v>
      </c>
      <c r="M1926">
        <v>1</v>
      </c>
      <c r="N1926" t="s">
        <v>12</v>
      </c>
      <c r="O1926" s="1">
        <v>42593.850694444445</v>
      </c>
      <c r="P1926" s="1">
        <v>42593.859722222223</v>
      </c>
    </row>
    <row r="1927" spans="1:16" x14ac:dyDescent="0.4">
      <c r="A1927">
        <v>3040</v>
      </c>
      <c r="B1927">
        <v>137608</v>
      </c>
      <c r="C1927" s="1">
        <v>42593</v>
      </c>
      <c r="D1927">
        <v>213</v>
      </c>
      <c r="E1927">
        <v>211</v>
      </c>
      <c r="F1927" t="s">
        <v>46</v>
      </c>
      <c r="G1927">
        <v>17</v>
      </c>
      <c r="H1927">
        <v>0</v>
      </c>
      <c r="I1927">
        <v>5</v>
      </c>
      <c r="J1927">
        <v>0</v>
      </c>
      <c r="K1927">
        <v>607150</v>
      </c>
      <c r="L1927">
        <v>607151</v>
      </c>
      <c r="M1927">
        <v>1</v>
      </c>
      <c r="N1927" t="s">
        <v>12</v>
      </c>
      <c r="O1927" s="1">
        <v>42594.010416666664</v>
      </c>
      <c r="P1927" s="1">
        <v>42594.010416666664</v>
      </c>
    </row>
    <row r="1928" spans="1:16" x14ac:dyDescent="0.4">
      <c r="A1928">
        <v>3041</v>
      </c>
      <c r="B1928">
        <v>137652</v>
      </c>
      <c r="C1928" s="1">
        <v>42594</v>
      </c>
      <c r="D1928">
        <v>290</v>
      </c>
      <c r="E1928">
        <v>1260</v>
      </c>
      <c r="F1928" t="s">
        <v>22</v>
      </c>
      <c r="G1928">
        <v>20</v>
      </c>
      <c r="H1928">
        <v>500</v>
      </c>
      <c r="I1928">
        <v>1</v>
      </c>
      <c r="J1928">
        <v>0</v>
      </c>
      <c r="K1928">
        <v>607334</v>
      </c>
      <c r="L1928">
        <v>607335</v>
      </c>
      <c r="M1928">
        <v>99</v>
      </c>
      <c r="N1928" t="s">
        <v>308</v>
      </c>
      <c r="O1928" s="1">
        <v>42594.734027777777</v>
      </c>
      <c r="P1928" s="1">
        <v>42594.738888888889</v>
      </c>
    </row>
    <row r="1929" spans="1:16" x14ac:dyDescent="0.4">
      <c r="A1929">
        <v>3042</v>
      </c>
      <c r="B1929">
        <v>137709</v>
      </c>
      <c r="C1929" s="1">
        <v>42594</v>
      </c>
      <c r="D1929">
        <v>125</v>
      </c>
      <c r="E1929">
        <v>126</v>
      </c>
      <c r="F1929" t="s">
        <v>8</v>
      </c>
      <c r="G1929">
        <v>2</v>
      </c>
      <c r="H1929">
        <v>380</v>
      </c>
      <c r="I1929">
        <v>1</v>
      </c>
      <c r="J1929">
        <v>0</v>
      </c>
      <c r="K1929">
        <v>607628</v>
      </c>
      <c r="L1929">
        <v>607629</v>
      </c>
      <c r="M1929">
        <v>102</v>
      </c>
      <c r="N1929" t="s">
        <v>27</v>
      </c>
      <c r="O1929" s="1">
        <v>42595.127083333333</v>
      </c>
      <c r="P1929" s="1">
        <v>42595.132638888892</v>
      </c>
    </row>
    <row r="1930" spans="1:16" x14ac:dyDescent="0.4">
      <c r="A1930">
        <v>3043</v>
      </c>
      <c r="B1930">
        <v>137709</v>
      </c>
      <c r="C1930" s="1">
        <v>42594</v>
      </c>
      <c r="D1930">
        <v>307</v>
      </c>
      <c r="E1930">
        <v>1269</v>
      </c>
      <c r="F1930" t="s">
        <v>193</v>
      </c>
      <c r="G1930">
        <v>2</v>
      </c>
      <c r="H1930">
        <v>680</v>
      </c>
      <c r="I1930">
        <v>1</v>
      </c>
      <c r="J1930">
        <v>0</v>
      </c>
      <c r="K1930">
        <v>607658</v>
      </c>
      <c r="L1930">
        <v>607659</v>
      </c>
      <c r="M1930">
        <v>1</v>
      </c>
      <c r="N1930" t="s">
        <v>12</v>
      </c>
      <c r="O1930" s="1">
        <v>42595.133333333331</v>
      </c>
      <c r="P1930" s="1">
        <v>42595.230555555558</v>
      </c>
    </row>
    <row r="1931" spans="1:16" x14ac:dyDescent="0.4">
      <c r="A1931">
        <v>3044</v>
      </c>
      <c r="B1931">
        <v>137822</v>
      </c>
      <c r="C1931" s="1">
        <v>42596</v>
      </c>
      <c r="D1931">
        <v>157</v>
      </c>
      <c r="E1931">
        <v>113</v>
      </c>
      <c r="F1931" t="s">
        <v>59</v>
      </c>
      <c r="G1931">
        <v>10</v>
      </c>
      <c r="H1931">
        <v>550</v>
      </c>
      <c r="I1931">
        <v>1</v>
      </c>
      <c r="J1931">
        <v>0</v>
      </c>
      <c r="K1931">
        <v>608167</v>
      </c>
      <c r="L1931">
        <v>608168</v>
      </c>
      <c r="M1931">
        <v>96</v>
      </c>
      <c r="N1931" t="s">
        <v>7</v>
      </c>
      <c r="O1931" s="1">
        <v>42596.513888888891</v>
      </c>
      <c r="P1931" s="1">
        <v>42596.513888888891</v>
      </c>
    </row>
    <row r="1932" spans="1:16" x14ac:dyDescent="0.4">
      <c r="A1932">
        <v>3045</v>
      </c>
      <c r="B1932">
        <v>137828</v>
      </c>
      <c r="C1932" s="1">
        <v>42596</v>
      </c>
      <c r="D1932">
        <v>126</v>
      </c>
      <c r="E1932">
        <v>138</v>
      </c>
      <c r="F1932" t="s">
        <v>66</v>
      </c>
      <c r="G1932">
        <v>8</v>
      </c>
      <c r="H1932">
        <v>380</v>
      </c>
      <c r="I1932">
        <v>1</v>
      </c>
      <c r="J1932">
        <v>0</v>
      </c>
      <c r="K1932">
        <v>608183</v>
      </c>
      <c r="L1932">
        <v>608184</v>
      </c>
      <c r="M1932">
        <v>93</v>
      </c>
      <c r="N1932" t="s">
        <v>15</v>
      </c>
      <c r="O1932" s="1">
        <v>42596.560416666667</v>
      </c>
      <c r="P1932" s="1">
        <v>42596.561111111114</v>
      </c>
    </row>
    <row r="1933" spans="1:16" x14ac:dyDescent="0.4">
      <c r="A1933">
        <v>3046</v>
      </c>
      <c r="B1933">
        <v>137876</v>
      </c>
      <c r="C1933" s="1">
        <v>42596</v>
      </c>
      <c r="D1933">
        <v>202</v>
      </c>
      <c r="E1933">
        <v>6550</v>
      </c>
      <c r="F1933" t="s">
        <v>72</v>
      </c>
      <c r="G1933">
        <v>6</v>
      </c>
      <c r="H1933">
        <v>320</v>
      </c>
      <c r="I1933">
        <v>1</v>
      </c>
      <c r="J1933">
        <v>0</v>
      </c>
      <c r="K1933">
        <v>608386</v>
      </c>
      <c r="L1933">
        <v>608387</v>
      </c>
      <c r="M1933">
        <v>84</v>
      </c>
      <c r="N1933" t="s">
        <v>299</v>
      </c>
      <c r="O1933" s="1">
        <v>42596.926388888889</v>
      </c>
      <c r="P1933" s="1">
        <v>42596.926388888889</v>
      </c>
    </row>
    <row r="1934" spans="1:16" x14ac:dyDescent="0.4">
      <c r="A1934">
        <v>3047</v>
      </c>
      <c r="B1934">
        <v>137886</v>
      </c>
      <c r="C1934" s="1">
        <v>42596</v>
      </c>
      <c r="D1934">
        <v>274</v>
      </c>
      <c r="E1934">
        <v>46</v>
      </c>
      <c r="F1934" t="s">
        <v>75</v>
      </c>
      <c r="G1934">
        <v>1</v>
      </c>
      <c r="H1934">
        <v>0</v>
      </c>
      <c r="I1934">
        <v>4</v>
      </c>
      <c r="J1934">
        <v>3</v>
      </c>
      <c r="K1934">
        <v>608463</v>
      </c>
      <c r="L1934">
        <v>608464</v>
      </c>
      <c r="M1934">
        <v>91</v>
      </c>
      <c r="N1934" t="s">
        <v>24</v>
      </c>
      <c r="O1934" s="1">
        <v>42597.012499999997</v>
      </c>
      <c r="P1934" s="1">
        <v>42597.013888888891</v>
      </c>
    </row>
    <row r="1935" spans="1:16" x14ac:dyDescent="0.4">
      <c r="A1935">
        <v>3049</v>
      </c>
      <c r="B1935">
        <v>137886</v>
      </c>
      <c r="C1935" s="1">
        <v>42596</v>
      </c>
      <c r="D1935">
        <v>290</v>
      </c>
      <c r="E1935">
        <v>1260</v>
      </c>
      <c r="F1935" t="s">
        <v>22</v>
      </c>
      <c r="G1935">
        <v>1</v>
      </c>
      <c r="H1935">
        <v>500</v>
      </c>
      <c r="I1935">
        <v>1</v>
      </c>
      <c r="J1935">
        <v>0</v>
      </c>
      <c r="K1935">
        <v>608476</v>
      </c>
      <c r="L1935">
        <v>608477</v>
      </c>
      <c r="M1935">
        <v>98</v>
      </c>
      <c r="N1935" t="s">
        <v>14</v>
      </c>
      <c r="O1935" s="1">
        <v>42597.020833333336</v>
      </c>
      <c r="P1935" s="1">
        <v>42597.020833333336</v>
      </c>
    </row>
    <row r="1936" spans="1:16" x14ac:dyDescent="0.4">
      <c r="A1936">
        <v>3050</v>
      </c>
      <c r="B1936">
        <v>137886</v>
      </c>
      <c r="C1936" s="1">
        <v>42596</v>
      </c>
      <c r="D1936">
        <v>13</v>
      </c>
      <c r="E1936">
        <v>112</v>
      </c>
      <c r="F1936" t="s">
        <v>62</v>
      </c>
      <c r="G1936">
        <v>1</v>
      </c>
      <c r="H1936">
        <v>500</v>
      </c>
      <c r="I1936">
        <v>1</v>
      </c>
      <c r="J1936">
        <v>0</v>
      </c>
      <c r="K1936">
        <v>608491</v>
      </c>
      <c r="L1936">
        <v>608492</v>
      </c>
      <c r="M1936">
        <v>91</v>
      </c>
      <c r="N1936" t="s">
        <v>24</v>
      </c>
      <c r="O1936" s="1">
        <v>42597.020833333336</v>
      </c>
      <c r="P1936" s="1">
        <v>42597.037499999999</v>
      </c>
    </row>
    <row r="1937" spans="1:16" x14ac:dyDescent="0.4">
      <c r="A1937">
        <v>3051</v>
      </c>
      <c r="B1937">
        <v>137892</v>
      </c>
      <c r="C1937" s="1">
        <v>42596</v>
      </c>
      <c r="D1937">
        <v>213</v>
      </c>
      <c r="E1937">
        <v>211</v>
      </c>
      <c r="F1937" t="s">
        <v>46</v>
      </c>
      <c r="G1937">
        <v>11</v>
      </c>
      <c r="H1937">
        <v>0</v>
      </c>
      <c r="I1937">
        <v>1</v>
      </c>
      <c r="J1937">
        <v>0</v>
      </c>
      <c r="K1937">
        <v>608548</v>
      </c>
      <c r="L1937">
        <v>608549</v>
      </c>
      <c r="M1937">
        <v>98</v>
      </c>
      <c r="N1937" t="s">
        <v>14</v>
      </c>
      <c r="O1937" s="1">
        <v>42597.124305555553</v>
      </c>
      <c r="P1937" s="1">
        <v>42597.124305555553</v>
      </c>
    </row>
    <row r="1938" spans="1:16" x14ac:dyDescent="0.4">
      <c r="A1938">
        <v>3052</v>
      </c>
      <c r="B1938">
        <v>138052</v>
      </c>
      <c r="C1938" s="1">
        <v>42598</v>
      </c>
      <c r="D1938">
        <v>182</v>
      </c>
      <c r="E1938">
        <v>143</v>
      </c>
      <c r="F1938" t="s">
        <v>151</v>
      </c>
      <c r="G1938">
        <v>4</v>
      </c>
      <c r="H1938">
        <v>420</v>
      </c>
      <c r="I1938">
        <v>1</v>
      </c>
      <c r="J1938">
        <v>0</v>
      </c>
      <c r="K1938">
        <v>609213</v>
      </c>
      <c r="L1938">
        <v>609214</v>
      </c>
      <c r="M1938">
        <v>104</v>
      </c>
      <c r="N1938" t="s">
        <v>310</v>
      </c>
      <c r="O1938" s="1">
        <v>42598.818749999999</v>
      </c>
      <c r="P1938" s="1">
        <v>42598.82708333333</v>
      </c>
    </row>
    <row r="1939" spans="1:16" x14ac:dyDescent="0.4">
      <c r="A1939">
        <v>3053</v>
      </c>
      <c r="B1939">
        <v>138083</v>
      </c>
      <c r="C1939" s="1">
        <v>42598</v>
      </c>
      <c r="D1939">
        <v>213</v>
      </c>
      <c r="E1939">
        <v>211</v>
      </c>
      <c r="F1939" t="s">
        <v>46</v>
      </c>
      <c r="G1939">
        <v>4</v>
      </c>
      <c r="H1939">
        <v>0</v>
      </c>
      <c r="I1939">
        <v>1</v>
      </c>
      <c r="J1939">
        <v>0</v>
      </c>
      <c r="K1939">
        <v>609393</v>
      </c>
      <c r="L1939">
        <v>609394</v>
      </c>
      <c r="M1939">
        <v>74</v>
      </c>
      <c r="N1939" t="s">
        <v>56</v>
      </c>
      <c r="O1939" s="1">
        <v>42599.033333333333</v>
      </c>
      <c r="P1939" s="1">
        <v>42599.057638888888</v>
      </c>
    </row>
    <row r="1940" spans="1:16" x14ac:dyDescent="0.4">
      <c r="A1940">
        <v>3054</v>
      </c>
      <c r="B1940">
        <v>138083</v>
      </c>
      <c r="C1940" s="1">
        <v>42598</v>
      </c>
      <c r="D1940">
        <v>213</v>
      </c>
      <c r="E1940">
        <v>211</v>
      </c>
      <c r="F1940" t="s">
        <v>46</v>
      </c>
      <c r="G1940">
        <v>4</v>
      </c>
      <c r="H1940">
        <v>0</v>
      </c>
      <c r="I1940">
        <v>2</v>
      </c>
      <c r="J1940">
        <v>0</v>
      </c>
      <c r="K1940">
        <v>609395</v>
      </c>
      <c r="L1940">
        <v>609396</v>
      </c>
      <c r="M1940">
        <v>74</v>
      </c>
      <c r="N1940" t="s">
        <v>56</v>
      </c>
      <c r="O1940" s="1">
        <v>42599.054166666669</v>
      </c>
      <c r="P1940" s="1">
        <v>42599.058333333334</v>
      </c>
    </row>
    <row r="1941" spans="1:16" x14ac:dyDescent="0.4">
      <c r="A1941">
        <v>3055</v>
      </c>
      <c r="B1941">
        <v>138083</v>
      </c>
      <c r="C1941" s="1">
        <v>42598</v>
      </c>
      <c r="D1941">
        <v>213</v>
      </c>
      <c r="E1941">
        <v>211</v>
      </c>
      <c r="F1941" t="s">
        <v>46</v>
      </c>
      <c r="G1941">
        <v>4</v>
      </c>
      <c r="H1941">
        <v>0</v>
      </c>
      <c r="I1941">
        <v>1</v>
      </c>
      <c r="J1941">
        <v>0</v>
      </c>
      <c r="K1941">
        <v>609397</v>
      </c>
      <c r="L1941">
        <v>609398</v>
      </c>
      <c r="M1941">
        <v>74</v>
      </c>
      <c r="N1941" t="s">
        <v>56</v>
      </c>
      <c r="O1941" s="1">
        <v>42599.040277777778</v>
      </c>
      <c r="P1941" s="1">
        <v>42599.058333333334</v>
      </c>
    </row>
    <row r="1942" spans="1:16" x14ac:dyDescent="0.4">
      <c r="A1942">
        <v>3048</v>
      </c>
      <c r="B1942">
        <v>137876</v>
      </c>
      <c r="C1942" s="1">
        <v>42596</v>
      </c>
      <c r="D1942">
        <v>202</v>
      </c>
      <c r="E1942">
        <v>6550</v>
      </c>
      <c r="F1942" t="s">
        <v>72</v>
      </c>
      <c r="G1942">
        <v>6</v>
      </c>
      <c r="H1942">
        <v>320</v>
      </c>
      <c r="I1942">
        <v>1</v>
      </c>
      <c r="J1942">
        <v>0</v>
      </c>
      <c r="K1942">
        <v>608467</v>
      </c>
      <c r="L1942">
        <v>608468</v>
      </c>
      <c r="M1942">
        <v>91</v>
      </c>
      <c r="N1942" t="s">
        <v>24</v>
      </c>
      <c r="O1942" s="1">
        <v>42597.01666666667</v>
      </c>
      <c r="P1942" s="1">
        <v>42597.017361111109</v>
      </c>
    </row>
    <row r="1943" spans="1:16" x14ac:dyDescent="0.4">
      <c r="A1943">
        <v>4496</v>
      </c>
      <c r="B1943">
        <v>245991</v>
      </c>
      <c r="C1943" s="1">
        <v>44394</v>
      </c>
      <c r="D1943">
        <v>94</v>
      </c>
      <c r="E1943">
        <v>75</v>
      </c>
      <c r="F1943" t="s">
        <v>57</v>
      </c>
      <c r="G1943">
        <v>20</v>
      </c>
      <c r="H1943">
        <v>528</v>
      </c>
      <c r="I1943">
        <v>1</v>
      </c>
      <c r="J1943">
        <v>0</v>
      </c>
      <c r="K1943">
        <v>1059081</v>
      </c>
      <c r="L1943">
        <v>1059082</v>
      </c>
      <c r="M1943">
        <v>70</v>
      </c>
      <c r="N1943" t="s">
        <v>232</v>
      </c>
      <c r="O1943" s="1">
        <v>44394.969444444447</v>
      </c>
      <c r="P1943" s="1">
        <v>44394.987500000003</v>
      </c>
    </row>
    <row r="1944" spans="1:16" x14ac:dyDescent="0.4">
      <c r="A1944">
        <v>4497</v>
      </c>
      <c r="B1944">
        <v>245991</v>
      </c>
      <c r="C1944" s="1">
        <v>44394</v>
      </c>
      <c r="D1944">
        <v>93</v>
      </c>
      <c r="E1944">
        <v>74</v>
      </c>
      <c r="F1944" t="s">
        <v>134</v>
      </c>
      <c r="G1944">
        <v>20</v>
      </c>
      <c r="H1944">
        <v>528</v>
      </c>
      <c r="I1944">
        <v>1</v>
      </c>
      <c r="J1944">
        <v>0</v>
      </c>
      <c r="K1944">
        <v>1059083</v>
      </c>
      <c r="L1944">
        <v>1059084</v>
      </c>
      <c r="M1944">
        <v>70</v>
      </c>
      <c r="N1944" t="s">
        <v>232</v>
      </c>
      <c r="O1944" s="1">
        <v>44394.969444444447</v>
      </c>
      <c r="P1944" s="1">
        <v>44394.987500000003</v>
      </c>
    </row>
    <row r="1945" spans="1:16" x14ac:dyDescent="0.4">
      <c r="A1945">
        <v>4498</v>
      </c>
      <c r="B1945">
        <v>245991</v>
      </c>
      <c r="C1945" s="1">
        <v>44394</v>
      </c>
      <c r="D1945">
        <v>94</v>
      </c>
      <c r="E1945">
        <v>75</v>
      </c>
      <c r="F1945" t="s">
        <v>57</v>
      </c>
      <c r="G1945">
        <v>20</v>
      </c>
      <c r="H1945">
        <v>528</v>
      </c>
      <c r="I1945">
        <v>1</v>
      </c>
      <c r="J1945">
        <v>0</v>
      </c>
      <c r="K1945">
        <v>1059085</v>
      </c>
      <c r="L1945">
        <v>1059086</v>
      </c>
      <c r="M1945">
        <v>70</v>
      </c>
      <c r="N1945" t="s">
        <v>232</v>
      </c>
      <c r="O1945" s="1">
        <v>44394.956944444442</v>
      </c>
      <c r="P1945" s="1">
        <v>44394.987500000003</v>
      </c>
    </row>
    <row r="1946" spans="1:16" x14ac:dyDescent="0.4">
      <c r="A1946">
        <v>4499</v>
      </c>
      <c r="B1946">
        <v>245991</v>
      </c>
      <c r="C1946" s="1">
        <v>44394</v>
      </c>
      <c r="D1946">
        <v>94</v>
      </c>
      <c r="E1946">
        <v>75</v>
      </c>
      <c r="F1946" t="s">
        <v>57</v>
      </c>
      <c r="G1946">
        <v>20</v>
      </c>
      <c r="H1946">
        <v>528</v>
      </c>
      <c r="I1946">
        <v>1</v>
      </c>
      <c r="J1946">
        <v>0</v>
      </c>
      <c r="K1946">
        <v>1059087</v>
      </c>
      <c r="L1946">
        <v>1059088</v>
      </c>
      <c r="M1946">
        <v>70</v>
      </c>
      <c r="N1946" t="s">
        <v>232</v>
      </c>
      <c r="O1946" s="1">
        <v>44394.949305555558</v>
      </c>
      <c r="P1946" s="1">
        <v>44394.988194444442</v>
      </c>
    </row>
    <row r="1947" spans="1:16" x14ac:dyDescent="0.4">
      <c r="A1947">
        <v>4500</v>
      </c>
      <c r="B1947">
        <v>245992</v>
      </c>
      <c r="C1947" s="1">
        <v>44394</v>
      </c>
      <c r="D1947">
        <v>69</v>
      </c>
      <c r="E1947">
        <v>50</v>
      </c>
      <c r="F1947" t="s">
        <v>18</v>
      </c>
      <c r="G1947">
        <v>3</v>
      </c>
      <c r="H1947">
        <v>528</v>
      </c>
      <c r="I1947">
        <v>1</v>
      </c>
      <c r="J1947">
        <v>0</v>
      </c>
      <c r="K1947">
        <v>1059106</v>
      </c>
      <c r="L1947">
        <v>1059107</v>
      </c>
      <c r="M1947">
        <v>108</v>
      </c>
      <c r="N1947" t="s">
        <v>45</v>
      </c>
      <c r="O1947" s="1">
        <v>44394.974999999999</v>
      </c>
      <c r="P1947" s="1">
        <v>44395.017361111109</v>
      </c>
    </row>
    <row r="1948" spans="1:16" x14ac:dyDescent="0.4">
      <c r="A1948">
        <v>4501</v>
      </c>
      <c r="B1948">
        <v>245987</v>
      </c>
      <c r="C1948" s="1">
        <v>44394</v>
      </c>
      <c r="D1948">
        <v>69</v>
      </c>
      <c r="E1948">
        <v>50</v>
      </c>
      <c r="F1948" t="s">
        <v>18</v>
      </c>
      <c r="G1948">
        <v>4</v>
      </c>
      <c r="H1948">
        <v>528</v>
      </c>
      <c r="I1948">
        <v>2</v>
      </c>
      <c r="J1948">
        <v>0</v>
      </c>
      <c r="K1948">
        <v>1059108</v>
      </c>
      <c r="L1948">
        <v>1059109</v>
      </c>
      <c r="M1948">
        <v>108</v>
      </c>
      <c r="N1948" t="s">
        <v>45</v>
      </c>
      <c r="O1948" s="1">
        <v>44394.929166666669</v>
      </c>
      <c r="P1948" s="1">
        <v>44395.017361111109</v>
      </c>
    </row>
    <row r="1949" spans="1:16" x14ac:dyDescent="0.4">
      <c r="A1949">
        <v>4506</v>
      </c>
      <c r="B1949">
        <v>246428</v>
      </c>
      <c r="C1949" s="1">
        <v>44403</v>
      </c>
      <c r="D1949">
        <v>125</v>
      </c>
      <c r="E1949">
        <v>126</v>
      </c>
      <c r="F1949" t="s">
        <v>159</v>
      </c>
      <c r="G1949">
        <v>14</v>
      </c>
      <c r="H1949">
        <v>308</v>
      </c>
      <c r="I1949">
        <v>1</v>
      </c>
      <c r="J1949">
        <v>0</v>
      </c>
      <c r="K1949">
        <v>1060830</v>
      </c>
      <c r="L1949">
        <v>1060831</v>
      </c>
      <c r="M1949">
        <v>95</v>
      </c>
      <c r="N1949" t="s">
        <v>68</v>
      </c>
      <c r="O1949" s="1">
        <v>44403.611805555556</v>
      </c>
      <c r="P1949" s="1">
        <v>44403.625694444447</v>
      </c>
    </row>
    <row r="1950" spans="1:16" x14ac:dyDescent="0.4">
      <c r="A1950">
        <v>4507</v>
      </c>
      <c r="B1950">
        <v>246429</v>
      </c>
      <c r="C1950" s="1">
        <v>44403</v>
      </c>
      <c r="D1950">
        <v>280</v>
      </c>
      <c r="E1950">
        <v>1266</v>
      </c>
      <c r="F1950" t="s">
        <v>162</v>
      </c>
      <c r="G1950">
        <v>8</v>
      </c>
      <c r="H1950">
        <v>594</v>
      </c>
      <c r="I1950">
        <v>1</v>
      </c>
      <c r="J1950">
        <v>0</v>
      </c>
      <c r="K1950">
        <v>1060845</v>
      </c>
      <c r="L1950">
        <v>1060846</v>
      </c>
      <c r="M1950">
        <v>95</v>
      </c>
      <c r="N1950" t="s">
        <v>68</v>
      </c>
      <c r="O1950" s="1">
        <v>44403.577777777777</v>
      </c>
      <c r="P1950" s="1">
        <v>44403.691666666666</v>
      </c>
    </row>
    <row r="1951" spans="1:16" x14ac:dyDescent="0.4">
      <c r="A1951">
        <v>4577</v>
      </c>
      <c r="B1951">
        <v>252986</v>
      </c>
      <c r="C1951" s="1">
        <v>44570</v>
      </c>
      <c r="D1951">
        <v>145</v>
      </c>
      <c r="E1951">
        <v>132</v>
      </c>
      <c r="F1951" t="s">
        <v>74</v>
      </c>
      <c r="G1951">
        <v>4</v>
      </c>
      <c r="H1951">
        <v>330</v>
      </c>
      <c r="I1951">
        <v>1</v>
      </c>
      <c r="J1951">
        <v>0</v>
      </c>
      <c r="K1951">
        <v>1085743</v>
      </c>
      <c r="L1951">
        <v>1085744</v>
      </c>
      <c r="M1951">
        <v>108</v>
      </c>
      <c r="N1951" t="s">
        <v>45</v>
      </c>
      <c r="O1951" s="1">
        <v>44571.035416666666</v>
      </c>
      <c r="P1951" s="1">
        <v>44571.040277777778</v>
      </c>
    </row>
    <row r="1952" spans="1:16" x14ac:dyDescent="0.4">
      <c r="A1952">
        <v>4583</v>
      </c>
      <c r="B1952">
        <v>253787</v>
      </c>
      <c r="C1952" s="1">
        <v>44591</v>
      </c>
      <c r="D1952">
        <v>57</v>
      </c>
      <c r="E1952">
        <v>30</v>
      </c>
      <c r="F1952" t="s">
        <v>227</v>
      </c>
      <c r="G1952">
        <v>8</v>
      </c>
      <c r="H1952">
        <v>352</v>
      </c>
      <c r="I1952">
        <v>1</v>
      </c>
      <c r="J1952">
        <v>0</v>
      </c>
      <c r="K1952">
        <v>1088542</v>
      </c>
      <c r="L1952">
        <v>1088543</v>
      </c>
      <c r="M1952">
        <v>115</v>
      </c>
      <c r="N1952" t="s">
        <v>239</v>
      </c>
      <c r="O1952" s="1">
        <v>44591.75</v>
      </c>
      <c r="P1952" s="1">
        <v>44591.750694444447</v>
      </c>
    </row>
    <row r="1953" spans="1:16" x14ac:dyDescent="0.4">
      <c r="A1953">
        <v>4586</v>
      </c>
      <c r="B1953">
        <v>254362</v>
      </c>
      <c r="C1953" s="1">
        <v>44608</v>
      </c>
      <c r="D1953">
        <v>125</v>
      </c>
      <c r="E1953">
        <v>126</v>
      </c>
      <c r="F1953" t="s">
        <v>159</v>
      </c>
      <c r="G1953">
        <v>1</v>
      </c>
      <c r="H1953">
        <v>308</v>
      </c>
      <c r="I1953">
        <v>2</v>
      </c>
      <c r="J1953">
        <v>0</v>
      </c>
      <c r="K1953">
        <v>1090459</v>
      </c>
      <c r="L1953">
        <v>1090460</v>
      </c>
      <c r="M1953">
        <v>108</v>
      </c>
      <c r="N1953" t="s">
        <v>45</v>
      </c>
      <c r="O1953" s="1">
        <v>44608.693749999999</v>
      </c>
      <c r="P1953" s="1">
        <v>44608.814583333333</v>
      </c>
    </row>
    <row r="1954" spans="1:16" x14ac:dyDescent="0.4">
      <c r="A1954">
        <v>4689</v>
      </c>
      <c r="B1954">
        <v>269127</v>
      </c>
      <c r="C1954" s="1">
        <v>44877</v>
      </c>
      <c r="D1954">
        <v>120</v>
      </c>
      <c r="E1954">
        <v>140</v>
      </c>
      <c r="F1954" t="s">
        <v>119</v>
      </c>
      <c r="G1954">
        <v>5</v>
      </c>
      <c r="H1954">
        <v>308</v>
      </c>
      <c r="I1954">
        <v>1</v>
      </c>
      <c r="J1954">
        <v>0</v>
      </c>
      <c r="K1954">
        <v>1142887</v>
      </c>
      <c r="L1954">
        <v>1142888</v>
      </c>
      <c r="M1954">
        <v>104</v>
      </c>
      <c r="N1954" t="s">
        <v>248</v>
      </c>
      <c r="O1954" s="1">
        <v>44877.77847222222</v>
      </c>
      <c r="P1954" s="1">
        <v>44877.77847222222</v>
      </c>
    </row>
    <row r="1955" spans="1:16" x14ac:dyDescent="0.4">
      <c r="A1955">
        <v>4516</v>
      </c>
      <c r="B1955">
        <v>247917</v>
      </c>
      <c r="C1955" s="1">
        <v>44433</v>
      </c>
      <c r="D1955">
        <v>125</v>
      </c>
      <c r="E1955">
        <v>126</v>
      </c>
      <c r="F1955" t="s">
        <v>159</v>
      </c>
      <c r="G1955">
        <v>11</v>
      </c>
      <c r="H1955">
        <v>308</v>
      </c>
      <c r="I1955">
        <v>1</v>
      </c>
      <c r="J1955">
        <v>0</v>
      </c>
      <c r="K1955">
        <v>1066290</v>
      </c>
      <c r="L1955">
        <v>1066291</v>
      </c>
      <c r="M1955">
        <v>70</v>
      </c>
      <c r="N1955" t="s">
        <v>232</v>
      </c>
      <c r="O1955" s="1">
        <v>44433.679166666669</v>
      </c>
      <c r="P1955" s="1">
        <v>44433.68472222222</v>
      </c>
    </row>
    <row r="1956" spans="1:16" x14ac:dyDescent="0.4">
      <c r="A1956">
        <v>4520</v>
      </c>
      <c r="B1956">
        <v>248375</v>
      </c>
      <c r="C1956" s="1">
        <v>44478</v>
      </c>
      <c r="D1956">
        <v>323</v>
      </c>
      <c r="E1956">
        <v>1</v>
      </c>
      <c r="F1956" t="s">
        <v>233</v>
      </c>
      <c r="G1956">
        <v>2</v>
      </c>
      <c r="H1956">
        <v>440</v>
      </c>
      <c r="I1956">
        <v>1</v>
      </c>
      <c r="J1956">
        <v>0</v>
      </c>
      <c r="K1956">
        <v>1068024</v>
      </c>
      <c r="L1956">
        <v>1068025</v>
      </c>
      <c r="M1956">
        <v>108</v>
      </c>
      <c r="N1956" t="s">
        <v>45</v>
      </c>
      <c r="O1956" s="1">
        <v>44478.748611111114</v>
      </c>
      <c r="P1956" s="1">
        <v>44478.759722222225</v>
      </c>
    </row>
    <row r="1957" spans="1:16" x14ac:dyDescent="0.4">
      <c r="A1957">
        <v>4523</v>
      </c>
      <c r="B1957">
        <v>248719</v>
      </c>
      <c r="C1957" s="1">
        <v>44485</v>
      </c>
      <c r="D1957">
        <v>300</v>
      </c>
      <c r="E1957">
        <v>1433</v>
      </c>
      <c r="F1957" t="s">
        <v>129</v>
      </c>
      <c r="G1957">
        <v>15</v>
      </c>
      <c r="H1957">
        <v>418</v>
      </c>
      <c r="I1957">
        <v>1</v>
      </c>
      <c r="J1957">
        <v>0</v>
      </c>
      <c r="K1957">
        <v>1069372</v>
      </c>
      <c r="L1957">
        <v>1069373</v>
      </c>
      <c r="M1957">
        <v>114</v>
      </c>
      <c r="N1957" t="s">
        <v>234</v>
      </c>
      <c r="O1957" s="1">
        <v>44485.995833333334</v>
      </c>
      <c r="P1957" s="1">
        <v>44486.022916666669</v>
      </c>
    </row>
    <row r="1958" spans="1:16" x14ac:dyDescent="0.4">
      <c r="A1958">
        <v>4533</v>
      </c>
      <c r="B1958">
        <v>249618</v>
      </c>
      <c r="C1958" s="1">
        <v>44505</v>
      </c>
      <c r="D1958">
        <v>290</v>
      </c>
      <c r="E1958">
        <v>1260</v>
      </c>
      <c r="F1958" t="s">
        <v>167</v>
      </c>
      <c r="G1958">
        <v>19</v>
      </c>
      <c r="H1958">
        <v>440</v>
      </c>
      <c r="I1958">
        <v>1</v>
      </c>
      <c r="J1958">
        <v>0</v>
      </c>
      <c r="K1958">
        <v>1072744</v>
      </c>
      <c r="L1958">
        <v>1072745</v>
      </c>
      <c r="M1958">
        <v>116</v>
      </c>
      <c r="N1958" t="s">
        <v>236</v>
      </c>
      <c r="O1958" s="1">
        <v>44505.572222222225</v>
      </c>
      <c r="P1958" s="1">
        <v>44505.586805555555</v>
      </c>
    </row>
    <row r="1959" spans="1:16" x14ac:dyDescent="0.4">
      <c r="A1959">
        <v>4534</v>
      </c>
      <c r="B1959">
        <v>249618</v>
      </c>
      <c r="C1959" s="1">
        <v>44505</v>
      </c>
      <c r="D1959">
        <v>290</v>
      </c>
      <c r="E1959">
        <v>1260</v>
      </c>
      <c r="F1959" t="s">
        <v>167</v>
      </c>
      <c r="G1959">
        <v>19</v>
      </c>
      <c r="H1959">
        <v>440</v>
      </c>
      <c r="I1959">
        <v>1</v>
      </c>
      <c r="J1959">
        <v>0</v>
      </c>
      <c r="K1959">
        <v>1072746</v>
      </c>
      <c r="L1959">
        <v>1072747</v>
      </c>
      <c r="M1959">
        <v>116</v>
      </c>
      <c r="N1959" t="s">
        <v>236</v>
      </c>
      <c r="O1959" s="1">
        <v>44505.572222222225</v>
      </c>
      <c r="P1959" s="1">
        <v>44505.586805555555</v>
      </c>
    </row>
    <row r="1960" spans="1:16" x14ac:dyDescent="0.4">
      <c r="A1960">
        <v>4538</v>
      </c>
      <c r="B1960">
        <v>249929</v>
      </c>
      <c r="C1960" s="1">
        <v>44512</v>
      </c>
      <c r="D1960">
        <v>182</v>
      </c>
      <c r="E1960">
        <v>143</v>
      </c>
      <c r="F1960" t="s">
        <v>151</v>
      </c>
      <c r="G1960">
        <v>13</v>
      </c>
      <c r="H1960">
        <v>418</v>
      </c>
      <c r="I1960">
        <v>1</v>
      </c>
      <c r="J1960">
        <v>0</v>
      </c>
      <c r="K1960">
        <v>1073914</v>
      </c>
      <c r="L1960">
        <v>1073915</v>
      </c>
      <c r="M1960">
        <v>70</v>
      </c>
      <c r="N1960" t="s">
        <v>232</v>
      </c>
      <c r="O1960" s="1">
        <v>44513.052777777775</v>
      </c>
      <c r="P1960" s="1">
        <v>44513.053472222222</v>
      </c>
    </row>
    <row r="1961" spans="1:16" x14ac:dyDescent="0.4">
      <c r="A1961">
        <v>4541</v>
      </c>
      <c r="B1961">
        <v>250130</v>
      </c>
      <c r="C1961" s="1">
        <v>44517</v>
      </c>
      <c r="D1961">
        <v>75</v>
      </c>
      <c r="E1961">
        <v>56</v>
      </c>
      <c r="F1961" t="s">
        <v>49</v>
      </c>
      <c r="G1961">
        <v>3</v>
      </c>
      <c r="H1961">
        <v>0</v>
      </c>
      <c r="I1961">
        <v>1</v>
      </c>
      <c r="J1961">
        <v>0</v>
      </c>
      <c r="K1961">
        <v>1074697</v>
      </c>
      <c r="L1961">
        <v>1074698</v>
      </c>
      <c r="M1961">
        <v>70</v>
      </c>
      <c r="N1961" t="s">
        <v>232</v>
      </c>
      <c r="O1961" s="1">
        <v>44517.942361111112</v>
      </c>
      <c r="P1961" s="1">
        <v>44517.944444444445</v>
      </c>
    </row>
    <row r="1962" spans="1:16" x14ac:dyDescent="0.4">
      <c r="A1962">
        <v>4548</v>
      </c>
      <c r="B1962">
        <v>250889</v>
      </c>
      <c r="C1962" s="1">
        <v>44534</v>
      </c>
      <c r="D1962">
        <v>290</v>
      </c>
      <c r="E1962">
        <v>1260</v>
      </c>
      <c r="F1962" t="s">
        <v>167</v>
      </c>
      <c r="G1962">
        <v>8</v>
      </c>
      <c r="H1962">
        <v>440</v>
      </c>
      <c r="I1962">
        <v>1</v>
      </c>
      <c r="J1962">
        <v>0</v>
      </c>
      <c r="K1962">
        <v>1077517</v>
      </c>
      <c r="L1962">
        <v>1077518</v>
      </c>
      <c r="M1962">
        <v>115</v>
      </c>
      <c r="N1962" t="s">
        <v>239</v>
      </c>
      <c r="O1962" s="1">
        <v>44534.631944444445</v>
      </c>
      <c r="P1962" s="1">
        <v>44534.633333333331</v>
      </c>
    </row>
    <row r="1963" spans="1:16" x14ac:dyDescent="0.4">
      <c r="A1963">
        <v>4557</v>
      </c>
      <c r="B1963">
        <v>251912</v>
      </c>
      <c r="C1963" s="1">
        <v>44554</v>
      </c>
      <c r="D1963">
        <v>280</v>
      </c>
      <c r="E1963">
        <v>1266</v>
      </c>
      <c r="F1963" t="s">
        <v>162</v>
      </c>
      <c r="G1963">
        <v>19</v>
      </c>
      <c r="H1963">
        <v>594</v>
      </c>
      <c r="I1963">
        <v>1</v>
      </c>
      <c r="J1963">
        <v>0</v>
      </c>
      <c r="K1963">
        <v>1081514</v>
      </c>
      <c r="L1963">
        <v>1081515</v>
      </c>
      <c r="M1963">
        <v>114</v>
      </c>
      <c r="N1963" t="s">
        <v>234</v>
      </c>
      <c r="O1963" s="1">
        <v>44554.785416666666</v>
      </c>
      <c r="P1963" s="1">
        <v>44554.81527777778</v>
      </c>
    </row>
    <row r="1964" spans="1:16" x14ac:dyDescent="0.4">
      <c r="A1964">
        <v>4560</v>
      </c>
      <c r="B1964">
        <v>252181</v>
      </c>
      <c r="C1964" s="1">
        <v>44558</v>
      </c>
      <c r="D1964">
        <v>149</v>
      </c>
      <c r="E1964">
        <v>121</v>
      </c>
      <c r="F1964" t="s">
        <v>52</v>
      </c>
      <c r="G1964">
        <v>10</v>
      </c>
      <c r="H1964">
        <v>495</v>
      </c>
      <c r="I1964">
        <v>1</v>
      </c>
      <c r="J1964">
        <v>0</v>
      </c>
      <c r="K1964">
        <v>1082490</v>
      </c>
      <c r="L1964">
        <v>1082491</v>
      </c>
      <c r="M1964">
        <v>108</v>
      </c>
      <c r="N1964" t="s">
        <v>45</v>
      </c>
      <c r="O1964" s="1">
        <v>44558.895833333336</v>
      </c>
      <c r="P1964" s="1">
        <v>44558.923611111109</v>
      </c>
    </row>
    <row r="1965" spans="1:16" x14ac:dyDescent="0.4">
      <c r="A1965">
        <v>4561</v>
      </c>
      <c r="B1965">
        <v>252181</v>
      </c>
      <c r="C1965" s="1">
        <v>44558</v>
      </c>
      <c r="D1965">
        <v>153</v>
      </c>
      <c r="E1965">
        <v>151</v>
      </c>
      <c r="F1965" t="s">
        <v>108</v>
      </c>
      <c r="G1965">
        <v>10</v>
      </c>
      <c r="H1965">
        <v>462</v>
      </c>
      <c r="I1965">
        <v>1</v>
      </c>
      <c r="J1965">
        <v>0</v>
      </c>
      <c r="K1965">
        <v>1082492</v>
      </c>
      <c r="L1965">
        <v>1082493</v>
      </c>
      <c r="M1965">
        <v>108</v>
      </c>
      <c r="N1965" t="s">
        <v>45</v>
      </c>
      <c r="O1965" s="1">
        <v>44558.900694444441</v>
      </c>
      <c r="P1965" s="1">
        <v>44558.923611111109</v>
      </c>
    </row>
    <row r="1966" spans="1:16" x14ac:dyDescent="0.4">
      <c r="A1966">
        <v>4563</v>
      </c>
      <c r="B1966">
        <v>252198</v>
      </c>
      <c r="C1966" s="1">
        <v>44558</v>
      </c>
      <c r="D1966">
        <v>57</v>
      </c>
      <c r="E1966">
        <v>30</v>
      </c>
      <c r="F1966" t="s">
        <v>227</v>
      </c>
      <c r="G1966">
        <v>8</v>
      </c>
      <c r="H1966">
        <v>352</v>
      </c>
      <c r="I1966">
        <v>2</v>
      </c>
      <c r="J1966">
        <v>0</v>
      </c>
      <c r="K1966">
        <v>1082570</v>
      </c>
      <c r="L1966">
        <v>1082571</v>
      </c>
      <c r="M1966">
        <v>108</v>
      </c>
      <c r="N1966" t="s">
        <v>45</v>
      </c>
      <c r="O1966" s="1">
        <v>44559</v>
      </c>
      <c r="P1966" s="1">
        <v>44559.01458333333</v>
      </c>
    </row>
    <row r="1967" spans="1:16" x14ac:dyDescent="0.4">
      <c r="A1967">
        <v>4564</v>
      </c>
      <c r="B1967">
        <v>252198</v>
      </c>
      <c r="C1967" s="1">
        <v>44558</v>
      </c>
      <c r="D1967">
        <v>75</v>
      </c>
      <c r="E1967">
        <v>56</v>
      </c>
      <c r="F1967" t="s">
        <v>49</v>
      </c>
      <c r="G1967">
        <v>8</v>
      </c>
      <c r="H1967">
        <v>440</v>
      </c>
      <c r="I1967">
        <v>1</v>
      </c>
      <c r="J1967">
        <v>0</v>
      </c>
      <c r="K1967">
        <v>1082572</v>
      </c>
      <c r="L1967">
        <v>1082573</v>
      </c>
      <c r="M1967">
        <v>108</v>
      </c>
      <c r="N1967" t="s">
        <v>45</v>
      </c>
      <c r="O1967" s="1">
        <v>44559</v>
      </c>
      <c r="P1967" s="1">
        <v>44559.01458333333</v>
      </c>
    </row>
    <row r="1968" spans="1:16" x14ac:dyDescent="0.4">
      <c r="A1968">
        <v>4568</v>
      </c>
      <c r="B1968">
        <v>252283</v>
      </c>
      <c r="C1968" s="1">
        <v>44559</v>
      </c>
      <c r="D1968">
        <v>153</v>
      </c>
      <c r="E1968">
        <v>151</v>
      </c>
      <c r="F1968" t="s">
        <v>108</v>
      </c>
      <c r="G1968">
        <v>3</v>
      </c>
      <c r="H1968">
        <v>462</v>
      </c>
      <c r="I1968">
        <v>1</v>
      </c>
      <c r="J1968">
        <v>0</v>
      </c>
      <c r="K1968">
        <v>1082984</v>
      </c>
      <c r="L1968">
        <v>1082985</v>
      </c>
      <c r="M1968">
        <v>108</v>
      </c>
      <c r="N1968" t="s">
        <v>45</v>
      </c>
      <c r="O1968" s="1">
        <v>44560.032638888886</v>
      </c>
      <c r="P1968" s="1">
        <v>44560.033333333333</v>
      </c>
    </row>
    <row r="1969" spans="1:16" x14ac:dyDescent="0.4">
      <c r="A1969">
        <v>4570</v>
      </c>
      <c r="B1969">
        <v>252418</v>
      </c>
      <c r="C1969" s="1">
        <v>44561</v>
      </c>
      <c r="D1969">
        <v>371</v>
      </c>
      <c r="E1969">
        <v>23</v>
      </c>
      <c r="F1969" t="s">
        <v>312</v>
      </c>
      <c r="G1969">
        <v>5</v>
      </c>
      <c r="H1969">
        <v>0</v>
      </c>
      <c r="I1969">
        <v>2</v>
      </c>
      <c r="J1969">
        <v>0</v>
      </c>
      <c r="K1969">
        <v>1083587</v>
      </c>
      <c r="L1969">
        <v>1083588</v>
      </c>
      <c r="M1969">
        <v>114</v>
      </c>
      <c r="N1969" t="s">
        <v>234</v>
      </c>
      <c r="O1969" s="1">
        <v>44561.820833333331</v>
      </c>
      <c r="P1969" s="1">
        <v>44561.865277777775</v>
      </c>
    </row>
    <row r="1970" spans="1:16" x14ac:dyDescent="0.4">
      <c r="A1970">
        <v>4638</v>
      </c>
      <c r="B1970">
        <v>262330</v>
      </c>
      <c r="C1970" s="1">
        <v>44757</v>
      </c>
      <c r="D1970">
        <v>368</v>
      </c>
      <c r="E1970">
        <v>98</v>
      </c>
      <c r="F1970" t="s">
        <v>235</v>
      </c>
      <c r="G1970">
        <v>2</v>
      </c>
      <c r="H1970">
        <v>0</v>
      </c>
      <c r="I1970">
        <v>1</v>
      </c>
      <c r="J1970">
        <v>0</v>
      </c>
      <c r="K1970">
        <v>1118783</v>
      </c>
      <c r="L1970">
        <v>1118784</v>
      </c>
      <c r="M1970">
        <v>115</v>
      </c>
      <c r="N1970" t="s">
        <v>239</v>
      </c>
      <c r="O1970" s="1">
        <v>44757.876388888886</v>
      </c>
      <c r="P1970" s="1">
        <v>44757.878472222219</v>
      </c>
    </row>
    <row r="1971" spans="1:16" x14ac:dyDescent="0.4">
      <c r="A1971">
        <v>4645</v>
      </c>
      <c r="B1971">
        <v>262859</v>
      </c>
      <c r="C1971" s="1">
        <v>44765</v>
      </c>
      <c r="D1971">
        <v>94</v>
      </c>
      <c r="E1971">
        <v>75</v>
      </c>
      <c r="F1971" t="s">
        <v>57</v>
      </c>
      <c r="G1971">
        <v>12</v>
      </c>
      <c r="H1971">
        <v>528</v>
      </c>
      <c r="I1971">
        <v>1</v>
      </c>
      <c r="J1971">
        <v>0</v>
      </c>
      <c r="K1971">
        <v>1120740</v>
      </c>
      <c r="L1971">
        <v>1120741</v>
      </c>
      <c r="M1971">
        <v>74</v>
      </c>
      <c r="N1971" t="s">
        <v>249</v>
      </c>
      <c r="O1971" s="1">
        <v>44766.121527777781</v>
      </c>
      <c r="P1971" s="1">
        <v>44766.124305555553</v>
      </c>
    </row>
    <row r="1972" spans="1:16" x14ac:dyDescent="0.4">
      <c r="A1972">
        <v>4731</v>
      </c>
      <c r="B1972">
        <v>272900</v>
      </c>
      <c r="C1972" s="1">
        <v>44942</v>
      </c>
      <c r="D1972">
        <v>304</v>
      </c>
      <c r="E1972">
        <v>3126</v>
      </c>
      <c r="F1972" t="s">
        <v>176</v>
      </c>
      <c r="G1972">
        <v>10</v>
      </c>
      <c r="H1972">
        <v>0</v>
      </c>
      <c r="I1972">
        <v>1</v>
      </c>
      <c r="J1972">
        <v>0</v>
      </c>
      <c r="K1972">
        <v>1156879</v>
      </c>
      <c r="L1972">
        <v>1156880</v>
      </c>
      <c r="M1972">
        <v>119</v>
      </c>
      <c r="N1972" t="s">
        <v>241</v>
      </c>
      <c r="O1972" s="1">
        <v>44942.706944444442</v>
      </c>
      <c r="P1972" s="1">
        <v>44942.706944444442</v>
      </c>
    </row>
    <row r="1973" spans="1:16" x14ac:dyDescent="0.4">
      <c r="A1973">
        <v>3105</v>
      </c>
      <c r="B1973">
        <v>140608</v>
      </c>
      <c r="C1973" s="1">
        <v>42631</v>
      </c>
      <c r="D1973">
        <v>187</v>
      </c>
      <c r="E1973">
        <v>226</v>
      </c>
      <c r="F1973" t="s">
        <v>114</v>
      </c>
      <c r="G1973">
        <v>8</v>
      </c>
      <c r="H1973">
        <v>280</v>
      </c>
      <c r="I1973">
        <v>1</v>
      </c>
      <c r="J1973">
        <v>0</v>
      </c>
      <c r="K1973">
        <v>620394</v>
      </c>
      <c r="L1973">
        <v>620395</v>
      </c>
      <c r="M1973">
        <v>1</v>
      </c>
      <c r="N1973" t="s">
        <v>12</v>
      </c>
      <c r="O1973" s="1">
        <v>42632.204861111109</v>
      </c>
      <c r="P1973" s="1">
        <v>42632.259027777778</v>
      </c>
    </row>
    <row r="1974" spans="1:16" x14ac:dyDescent="0.4">
      <c r="A1974">
        <v>3106</v>
      </c>
      <c r="B1974">
        <v>140608</v>
      </c>
      <c r="C1974" s="1">
        <v>42631</v>
      </c>
      <c r="D1974">
        <v>186</v>
      </c>
      <c r="E1974">
        <v>225</v>
      </c>
      <c r="F1974" t="s">
        <v>34</v>
      </c>
      <c r="G1974">
        <v>8</v>
      </c>
      <c r="H1974">
        <v>350</v>
      </c>
      <c r="I1974">
        <v>1</v>
      </c>
      <c r="J1974">
        <v>0</v>
      </c>
      <c r="K1974">
        <v>620396</v>
      </c>
      <c r="L1974">
        <v>620397</v>
      </c>
      <c r="M1974">
        <v>1</v>
      </c>
      <c r="N1974" t="s">
        <v>12</v>
      </c>
      <c r="O1974" s="1">
        <v>42632.204861111109</v>
      </c>
      <c r="P1974" s="1">
        <v>42632.259027777778</v>
      </c>
    </row>
    <row r="1975" spans="1:16" x14ac:dyDescent="0.4">
      <c r="A1975">
        <v>3107</v>
      </c>
      <c r="B1975">
        <v>140608</v>
      </c>
      <c r="C1975" s="1">
        <v>42631</v>
      </c>
      <c r="D1975">
        <v>69</v>
      </c>
      <c r="E1975">
        <v>50</v>
      </c>
      <c r="F1975" t="s">
        <v>18</v>
      </c>
      <c r="G1975">
        <v>8</v>
      </c>
      <c r="H1975">
        <v>480</v>
      </c>
      <c r="I1975">
        <v>1</v>
      </c>
      <c r="J1975">
        <v>0</v>
      </c>
      <c r="K1975">
        <v>620398</v>
      </c>
      <c r="L1975">
        <v>620399</v>
      </c>
      <c r="M1975">
        <v>1</v>
      </c>
      <c r="N1975" t="s">
        <v>12</v>
      </c>
      <c r="O1975" s="1">
        <v>42632.204861111109</v>
      </c>
      <c r="P1975" s="1">
        <v>42632.259027777778</v>
      </c>
    </row>
    <row r="1976" spans="1:16" x14ac:dyDescent="0.4">
      <c r="A1976">
        <v>3108</v>
      </c>
      <c r="B1976">
        <v>140608</v>
      </c>
      <c r="C1976" s="1">
        <v>42631</v>
      </c>
      <c r="D1976">
        <v>88</v>
      </c>
      <c r="E1976">
        <v>69</v>
      </c>
      <c r="F1976" t="s">
        <v>55</v>
      </c>
      <c r="G1976">
        <v>8</v>
      </c>
      <c r="H1976">
        <v>400</v>
      </c>
      <c r="I1976">
        <v>1</v>
      </c>
      <c r="J1976">
        <v>0</v>
      </c>
      <c r="K1976">
        <v>620400</v>
      </c>
      <c r="L1976">
        <v>620401</v>
      </c>
      <c r="M1976">
        <v>1</v>
      </c>
      <c r="N1976" t="s">
        <v>12</v>
      </c>
      <c r="O1976" s="1">
        <v>42632.204861111109</v>
      </c>
      <c r="P1976" s="1">
        <v>42632.259027777778</v>
      </c>
    </row>
    <row r="1977" spans="1:16" x14ac:dyDescent="0.4">
      <c r="A1977">
        <v>3109</v>
      </c>
      <c r="B1977">
        <v>140608</v>
      </c>
      <c r="C1977" s="1">
        <v>42631</v>
      </c>
      <c r="D1977">
        <v>186</v>
      </c>
      <c r="E1977">
        <v>225</v>
      </c>
      <c r="F1977" t="s">
        <v>34</v>
      </c>
      <c r="G1977">
        <v>8</v>
      </c>
      <c r="H1977">
        <v>350</v>
      </c>
      <c r="I1977">
        <v>1</v>
      </c>
      <c r="J1977">
        <v>0</v>
      </c>
      <c r="K1977">
        <v>620402</v>
      </c>
      <c r="L1977">
        <v>620403</v>
      </c>
      <c r="M1977">
        <v>1</v>
      </c>
      <c r="N1977" t="s">
        <v>12</v>
      </c>
      <c r="O1977" s="1">
        <v>42632.211805555555</v>
      </c>
      <c r="P1977" s="1">
        <v>42632.259027777778</v>
      </c>
    </row>
    <row r="1978" spans="1:16" x14ac:dyDescent="0.4">
      <c r="A1978">
        <v>3110</v>
      </c>
      <c r="B1978">
        <v>140608</v>
      </c>
      <c r="C1978" s="1">
        <v>42631</v>
      </c>
      <c r="D1978">
        <v>187</v>
      </c>
      <c r="E1978">
        <v>226</v>
      </c>
      <c r="F1978" t="s">
        <v>114</v>
      </c>
      <c r="G1978">
        <v>8</v>
      </c>
      <c r="H1978">
        <v>280</v>
      </c>
      <c r="I1978">
        <v>1</v>
      </c>
      <c r="J1978">
        <v>0</v>
      </c>
      <c r="K1978">
        <v>620404</v>
      </c>
      <c r="L1978">
        <v>620405</v>
      </c>
      <c r="M1978">
        <v>1</v>
      </c>
      <c r="N1978" t="s">
        <v>12</v>
      </c>
      <c r="O1978" s="1">
        <v>42632.211805555555</v>
      </c>
      <c r="P1978" s="1">
        <v>42632.259027777778</v>
      </c>
    </row>
    <row r="1979" spans="1:16" x14ac:dyDescent="0.4">
      <c r="A1979">
        <v>3111</v>
      </c>
      <c r="B1979">
        <v>140608</v>
      </c>
      <c r="C1979" s="1">
        <v>42631</v>
      </c>
      <c r="D1979">
        <v>88</v>
      </c>
      <c r="E1979">
        <v>69</v>
      </c>
      <c r="F1979" t="s">
        <v>55</v>
      </c>
      <c r="G1979">
        <v>8</v>
      </c>
      <c r="H1979">
        <v>400</v>
      </c>
      <c r="I1979">
        <v>1</v>
      </c>
      <c r="J1979">
        <v>0</v>
      </c>
      <c r="K1979">
        <v>620406</v>
      </c>
      <c r="L1979">
        <v>620407</v>
      </c>
      <c r="M1979">
        <v>1</v>
      </c>
      <c r="N1979" t="s">
        <v>12</v>
      </c>
      <c r="O1979" s="1">
        <v>42632.211805555555</v>
      </c>
      <c r="P1979" s="1">
        <v>42632.259027777778</v>
      </c>
    </row>
    <row r="1980" spans="1:16" x14ac:dyDescent="0.4">
      <c r="A1980">
        <v>3112</v>
      </c>
      <c r="B1980">
        <v>140608</v>
      </c>
      <c r="C1980" s="1">
        <v>42631</v>
      </c>
      <c r="D1980">
        <v>69</v>
      </c>
      <c r="E1980">
        <v>50</v>
      </c>
      <c r="F1980" t="s">
        <v>18</v>
      </c>
      <c r="G1980">
        <v>8</v>
      </c>
      <c r="H1980">
        <v>480</v>
      </c>
      <c r="I1980">
        <v>1</v>
      </c>
      <c r="J1980">
        <v>0</v>
      </c>
      <c r="K1980">
        <v>620408</v>
      </c>
      <c r="L1980">
        <v>620409</v>
      </c>
      <c r="M1980">
        <v>1</v>
      </c>
      <c r="N1980" t="s">
        <v>12</v>
      </c>
      <c r="O1980" s="1">
        <v>42632.212500000001</v>
      </c>
      <c r="P1980" s="1">
        <v>42632.259027777778</v>
      </c>
    </row>
    <row r="1981" spans="1:16" x14ac:dyDescent="0.4">
      <c r="A1981">
        <v>3114</v>
      </c>
      <c r="B1981">
        <v>140736</v>
      </c>
      <c r="C1981" s="1">
        <v>42634</v>
      </c>
      <c r="D1981">
        <v>149</v>
      </c>
      <c r="E1981">
        <v>121</v>
      </c>
      <c r="F1981" t="s">
        <v>52</v>
      </c>
      <c r="G1981">
        <v>10</v>
      </c>
      <c r="H1981">
        <v>450</v>
      </c>
      <c r="I1981">
        <v>1</v>
      </c>
      <c r="J1981">
        <v>0</v>
      </c>
      <c r="K1981">
        <v>620888</v>
      </c>
      <c r="L1981">
        <v>620889</v>
      </c>
      <c r="M1981">
        <v>29</v>
      </c>
      <c r="O1981" s="1">
        <v>42634.51666666667</v>
      </c>
      <c r="P1981" s="1">
        <v>42634.584027777775</v>
      </c>
    </row>
    <row r="1982" spans="1:16" x14ac:dyDescent="0.4">
      <c r="A1982">
        <v>3115</v>
      </c>
      <c r="B1982">
        <v>140870</v>
      </c>
      <c r="C1982" s="1">
        <v>42635</v>
      </c>
      <c r="D1982">
        <v>292</v>
      </c>
      <c r="E1982">
        <v>547</v>
      </c>
      <c r="F1982" t="s">
        <v>149</v>
      </c>
      <c r="G1982">
        <v>20</v>
      </c>
      <c r="H1982">
        <v>450</v>
      </c>
      <c r="I1982">
        <v>1</v>
      </c>
      <c r="J1982">
        <v>0</v>
      </c>
      <c r="K1982">
        <v>621452</v>
      </c>
      <c r="L1982">
        <v>621453</v>
      </c>
      <c r="M1982">
        <v>99</v>
      </c>
      <c r="N1982" t="s">
        <v>308</v>
      </c>
      <c r="O1982" s="1">
        <v>42635.946527777778</v>
      </c>
      <c r="P1982" s="1">
        <v>42635.952777777777</v>
      </c>
    </row>
    <row r="1983" spans="1:16" x14ac:dyDescent="0.4">
      <c r="A1983">
        <v>3116</v>
      </c>
      <c r="B1983">
        <v>140870</v>
      </c>
      <c r="C1983" s="1">
        <v>42635</v>
      </c>
      <c r="D1983">
        <v>13</v>
      </c>
      <c r="E1983">
        <v>112</v>
      </c>
      <c r="F1983" t="s">
        <v>62</v>
      </c>
      <c r="G1983">
        <v>20</v>
      </c>
      <c r="H1983">
        <v>500</v>
      </c>
      <c r="I1983">
        <v>2</v>
      </c>
      <c r="J1983">
        <v>0</v>
      </c>
      <c r="K1983">
        <v>621454</v>
      </c>
      <c r="L1983">
        <v>621455</v>
      </c>
      <c r="M1983">
        <v>99</v>
      </c>
      <c r="N1983" t="s">
        <v>308</v>
      </c>
      <c r="O1983" s="1">
        <v>42635.947916666664</v>
      </c>
      <c r="P1983" s="1">
        <v>42635.952777777777</v>
      </c>
    </row>
    <row r="1984" spans="1:16" x14ac:dyDescent="0.4">
      <c r="A1984">
        <v>3117</v>
      </c>
      <c r="B1984">
        <v>141021</v>
      </c>
      <c r="C1984" s="1">
        <v>42637</v>
      </c>
      <c r="D1984">
        <v>13</v>
      </c>
      <c r="E1984">
        <v>112</v>
      </c>
      <c r="F1984" t="s">
        <v>62</v>
      </c>
      <c r="G1984">
        <v>17</v>
      </c>
      <c r="H1984">
        <v>500</v>
      </c>
      <c r="I1984">
        <v>1</v>
      </c>
      <c r="J1984">
        <v>0</v>
      </c>
      <c r="K1984">
        <v>622179</v>
      </c>
      <c r="L1984">
        <v>622180</v>
      </c>
      <c r="M1984">
        <v>102</v>
      </c>
      <c r="N1984" t="s">
        <v>27</v>
      </c>
      <c r="O1984" s="1">
        <v>42637.872916666667</v>
      </c>
      <c r="P1984" s="1">
        <v>42637.882638888892</v>
      </c>
    </row>
    <row r="1985" spans="1:16" x14ac:dyDescent="0.4">
      <c r="A1985">
        <v>3118</v>
      </c>
      <c r="B1985">
        <v>141023</v>
      </c>
      <c r="C1985" s="1">
        <v>42637</v>
      </c>
      <c r="D1985">
        <v>186</v>
      </c>
      <c r="E1985">
        <v>225</v>
      </c>
      <c r="F1985" t="s">
        <v>34</v>
      </c>
      <c r="G1985">
        <v>11</v>
      </c>
      <c r="H1985">
        <v>350</v>
      </c>
      <c r="I1985">
        <v>1</v>
      </c>
      <c r="J1985">
        <v>0</v>
      </c>
      <c r="K1985">
        <v>622244</v>
      </c>
      <c r="L1985">
        <v>622245</v>
      </c>
      <c r="M1985">
        <v>1</v>
      </c>
      <c r="N1985" t="s">
        <v>12</v>
      </c>
      <c r="O1985" s="1">
        <v>42637.94027777778</v>
      </c>
      <c r="P1985" s="1">
        <v>42637.94027777778</v>
      </c>
    </row>
    <row r="1986" spans="1:16" x14ac:dyDescent="0.4">
      <c r="A1986">
        <v>3119</v>
      </c>
      <c r="B1986">
        <v>141023</v>
      </c>
      <c r="C1986" s="1">
        <v>42637</v>
      </c>
      <c r="D1986">
        <v>94</v>
      </c>
      <c r="E1986">
        <v>75</v>
      </c>
      <c r="F1986" t="s">
        <v>57</v>
      </c>
      <c r="G1986">
        <v>11</v>
      </c>
      <c r="H1986">
        <v>480</v>
      </c>
      <c r="I1986">
        <v>1</v>
      </c>
      <c r="J1986">
        <v>0</v>
      </c>
      <c r="K1986">
        <v>622246</v>
      </c>
      <c r="L1986">
        <v>622247</v>
      </c>
      <c r="M1986">
        <v>1</v>
      </c>
      <c r="N1986" t="s">
        <v>12</v>
      </c>
      <c r="O1986" s="1">
        <v>42637.94027777778</v>
      </c>
      <c r="P1986" s="1">
        <v>42637.94027777778</v>
      </c>
    </row>
    <row r="1987" spans="1:16" x14ac:dyDescent="0.4">
      <c r="A1987">
        <v>3120</v>
      </c>
      <c r="B1987">
        <v>141048</v>
      </c>
      <c r="C1987" s="1">
        <v>42637</v>
      </c>
      <c r="D1987">
        <v>127</v>
      </c>
      <c r="E1987">
        <v>136</v>
      </c>
      <c r="F1987" t="s">
        <v>32</v>
      </c>
      <c r="G1987">
        <v>8</v>
      </c>
      <c r="H1987">
        <v>600</v>
      </c>
      <c r="I1987">
        <v>1</v>
      </c>
      <c r="J1987">
        <v>0</v>
      </c>
      <c r="K1987">
        <v>622362</v>
      </c>
      <c r="L1987">
        <v>622363</v>
      </c>
      <c r="M1987">
        <v>102</v>
      </c>
      <c r="N1987" t="s">
        <v>27</v>
      </c>
      <c r="O1987" s="1">
        <v>42638.052777777775</v>
      </c>
      <c r="P1987" s="1">
        <v>42638.053472222222</v>
      </c>
    </row>
    <row r="1988" spans="1:16" x14ac:dyDescent="0.4">
      <c r="A1988">
        <v>3121</v>
      </c>
      <c r="B1988">
        <v>141048</v>
      </c>
      <c r="C1988" s="1">
        <v>42637</v>
      </c>
      <c r="D1988">
        <v>127</v>
      </c>
      <c r="E1988">
        <v>136</v>
      </c>
      <c r="F1988" t="s">
        <v>32</v>
      </c>
      <c r="G1988">
        <v>8</v>
      </c>
      <c r="H1988">
        <v>600</v>
      </c>
      <c r="I1988">
        <v>1</v>
      </c>
      <c r="J1988">
        <v>0</v>
      </c>
      <c r="K1988">
        <v>622364</v>
      </c>
      <c r="L1988">
        <v>622365</v>
      </c>
      <c r="M1988">
        <v>102</v>
      </c>
      <c r="N1988" t="s">
        <v>27</v>
      </c>
      <c r="O1988" s="1">
        <v>42638.052777777775</v>
      </c>
      <c r="P1988" s="1">
        <v>42638.053472222222</v>
      </c>
    </row>
    <row r="1989" spans="1:16" x14ac:dyDescent="0.4">
      <c r="A1989">
        <v>3122</v>
      </c>
      <c r="B1989">
        <v>141048</v>
      </c>
      <c r="C1989" s="1">
        <v>42637</v>
      </c>
      <c r="D1989">
        <v>127</v>
      </c>
      <c r="E1989">
        <v>136</v>
      </c>
      <c r="F1989" t="s">
        <v>32</v>
      </c>
      <c r="G1989">
        <v>8</v>
      </c>
      <c r="H1989">
        <v>600</v>
      </c>
      <c r="I1989">
        <v>1</v>
      </c>
      <c r="J1989">
        <v>0</v>
      </c>
      <c r="K1989">
        <v>622366</v>
      </c>
      <c r="L1989">
        <v>622367</v>
      </c>
      <c r="M1989">
        <v>102</v>
      </c>
      <c r="N1989" t="s">
        <v>27</v>
      </c>
      <c r="O1989" s="1">
        <v>42638.052777777775</v>
      </c>
      <c r="P1989" s="1">
        <v>42638.053472222222</v>
      </c>
    </row>
    <row r="1990" spans="1:16" x14ac:dyDescent="0.4">
      <c r="A1990">
        <v>3123</v>
      </c>
      <c r="B1990">
        <v>141065</v>
      </c>
      <c r="C1990" s="1">
        <v>42638</v>
      </c>
      <c r="D1990">
        <v>290</v>
      </c>
      <c r="E1990">
        <v>1260</v>
      </c>
      <c r="F1990" t="s">
        <v>22</v>
      </c>
      <c r="G1990">
        <v>11</v>
      </c>
      <c r="H1990">
        <v>500</v>
      </c>
      <c r="I1990">
        <v>1</v>
      </c>
      <c r="J1990">
        <v>0</v>
      </c>
      <c r="K1990">
        <v>622524</v>
      </c>
      <c r="L1990">
        <v>622525</v>
      </c>
      <c r="M1990">
        <v>96</v>
      </c>
      <c r="N1990" t="s">
        <v>7</v>
      </c>
      <c r="O1990" s="1">
        <v>42638.479166666664</v>
      </c>
      <c r="P1990" s="1">
        <v>42638.488194444442</v>
      </c>
    </row>
    <row r="1991" spans="1:16" x14ac:dyDescent="0.4">
      <c r="A1991">
        <v>3126</v>
      </c>
      <c r="B1991">
        <v>141124</v>
      </c>
      <c r="C1991" s="1">
        <v>42638</v>
      </c>
      <c r="D1991">
        <v>186</v>
      </c>
      <c r="E1991">
        <v>225</v>
      </c>
      <c r="F1991" t="s">
        <v>34</v>
      </c>
      <c r="G1991">
        <v>6</v>
      </c>
      <c r="H1991">
        <v>350</v>
      </c>
      <c r="I1991">
        <v>1</v>
      </c>
      <c r="J1991">
        <v>0</v>
      </c>
      <c r="K1991">
        <v>622725</v>
      </c>
      <c r="L1991">
        <v>622726</v>
      </c>
      <c r="M1991">
        <v>1</v>
      </c>
      <c r="N1991" t="s">
        <v>12</v>
      </c>
      <c r="O1991" s="1">
        <v>42638.890277777777</v>
      </c>
      <c r="P1991" s="1">
        <v>42638.934027777781</v>
      </c>
    </row>
    <row r="1992" spans="1:16" x14ac:dyDescent="0.4">
      <c r="A1992">
        <v>3127</v>
      </c>
      <c r="B1992">
        <v>141124</v>
      </c>
      <c r="C1992" s="1">
        <v>42638</v>
      </c>
      <c r="D1992">
        <v>274</v>
      </c>
      <c r="E1992">
        <v>46</v>
      </c>
      <c r="F1992" t="s">
        <v>75</v>
      </c>
      <c r="G1992">
        <v>6</v>
      </c>
      <c r="H1992">
        <v>480</v>
      </c>
      <c r="I1992">
        <v>1</v>
      </c>
      <c r="J1992">
        <v>0</v>
      </c>
      <c r="K1992">
        <v>622727</v>
      </c>
      <c r="L1992">
        <v>622728</v>
      </c>
      <c r="M1992">
        <v>1</v>
      </c>
      <c r="N1992" t="s">
        <v>12</v>
      </c>
      <c r="O1992" s="1">
        <v>42638.933333333334</v>
      </c>
      <c r="P1992" s="1">
        <v>42638.934027777781</v>
      </c>
    </row>
    <row r="1993" spans="1:16" x14ac:dyDescent="0.4">
      <c r="A1993">
        <v>4757</v>
      </c>
      <c r="B1993">
        <v>275322</v>
      </c>
      <c r="C1993" s="1">
        <v>44983</v>
      </c>
      <c r="D1993">
        <v>84</v>
      </c>
      <c r="E1993">
        <v>65</v>
      </c>
      <c r="F1993" t="s">
        <v>313</v>
      </c>
      <c r="G1993">
        <v>12</v>
      </c>
      <c r="H1993">
        <v>440</v>
      </c>
      <c r="I1993">
        <v>2</v>
      </c>
      <c r="J1993">
        <v>0</v>
      </c>
      <c r="K1993">
        <v>1165556</v>
      </c>
      <c r="L1993">
        <v>1165557</v>
      </c>
      <c r="M1993">
        <v>108</v>
      </c>
      <c r="N1993" t="s">
        <v>45</v>
      </c>
      <c r="O1993" s="1">
        <v>44983.933333333334</v>
      </c>
      <c r="P1993" s="1">
        <v>44983.93472222222</v>
      </c>
    </row>
    <row r="1994" spans="1:16" x14ac:dyDescent="0.4">
      <c r="A1994">
        <v>3124</v>
      </c>
      <c r="B1994">
        <v>141123</v>
      </c>
      <c r="C1994" s="1">
        <v>42638</v>
      </c>
      <c r="D1994">
        <v>188</v>
      </c>
      <c r="E1994">
        <v>227</v>
      </c>
      <c r="F1994" t="s">
        <v>113</v>
      </c>
      <c r="G1994">
        <v>2</v>
      </c>
      <c r="H1994">
        <v>280</v>
      </c>
      <c r="I1994">
        <v>1</v>
      </c>
      <c r="J1994">
        <v>0</v>
      </c>
      <c r="K1994">
        <v>622704</v>
      </c>
      <c r="L1994">
        <v>622705</v>
      </c>
      <c r="M1994">
        <v>102</v>
      </c>
      <c r="N1994" t="s">
        <v>27</v>
      </c>
      <c r="O1994" s="1">
        <v>42638.887499999997</v>
      </c>
      <c r="P1994" s="1">
        <v>42638.887499999997</v>
      </c>
    </row>
    <row r="1995" spans="1:16" x14ac:dyDescent="0.4">
      <c r="A1995">
        <v>3125</v>
      </c>
      <c r="B1995">
        <v>141124</v>
      </c>
      <c r="C1995" s="1">
        <v>42638</v>
      </c>
      <c r="D1995">
        <v>186</v>
      </c>
      <c r="E1995">
        <v>225</v>
      </c>
      <c r="F1995" t="s">
        <v>34</v>
      </c>
      <c r="G1995">
        <v>6</v>
      </c>
      <c r="H1995">
        <v>350</v>
      </c>
      <c r="I1995">
        <v>1</v>
      </c>
      <c r="J1995">
        <v>0</v>
      </c>
      <c r="K1995">
        <v>622708</v>
      </c>
      <c r="L1995">
        <v>622709</v>
      </c>
      <c r="M1995">
        <v>102</v>
      </c>
      <c r="N1995" t="s">
        <v>27</v>
      </c>
      <c r="O1995" s="1">
        <v>42638.888888888891</v>
      </c>
      <c r="P1995" s="1">
        <v>42638.88958333333</v>
      </c>
    </row>
    <row r="1996" spans="1:16" x14ac:dyDescent="0.4">
      <c r="A1996">
        <v>3128</v>
      </c>
      <c r="B1996">
        <v>141416</v>
      </c>
      <c r="C1996" s="1">
        <v>42643</v>
      </c>
      <c r="D1996">
        <v>320</v>
      </c>
      <c r="E1996">
        <v>233</v>
      </c>
      <c r="F1996" t="s">
        <v>223</v>
      </c>
      <c r="G1996">
        <v>1</v>
      </c>
      <c r="H1996">
        <v>480</v>
      </c>
      <c r="I1996">
        <v>1</v>
      </c>
      <c r="J1996">
        <v>0</v>
      </c>
      <c r="K1996">
        <v>624033</v>
      </c>
      <c r="L1996">
        <v>624034</v>
      </c>
      <c r="M1996">
        <v>101</v>
      </c>
      <c r="N1996" t="s">
        <v>306</v>
      </c>
      <c r="O1996" s="1">
        <v>42643.90347222222</v>
      </c>
      <c r="P1996" s="1">
        <v>42643.913194444445</v>
      </c>
    </row>
    <row r="1997" spans="1:16" x14ac:dyDescent="0.4">
      <c r="A1997">
        <v>3129</v>
      </c>
      <c r="B1997">
        <v>141535</v>
      </c>
      <c r="C1997" s="1">
        <v>42644</v>
      </c>
      <c r="D1997">
        <v>171</v>
      </c>
      <c r="E1997">
        <v>321</v>
      </c>
      <c r="F1997" t="s">
        <v>205</v>
      </c>
      <c r="G1997">
        <v>16</v>
      </c>
      <c r="H1997">
        <v>500</v>
      </c>
      <c r="I1997">
        <v>1</v>
      </c>
      <c r="J1997">
        <v>0</v>
      </c>
      <c r="K1997">
        <v>624611</v>
      </c>
      <c r="L1997">
        <v>624612</v>
      </c>
      <c r="M1997">
        <v>1</v>
      </c>
      <c r="N1997" t="s">
        <v>12</v>
      </c>
      <c r="O1997" s="1">
        <v>42645</v>
      </c>
      <c r="P1997" s="1">
        <v>42645.001388888886</v>
      </c>
    </row>
    <row r="1998" spans="1:16" x14ac:dyDescent="0.4">
      <c r="A1998">
        <v>3130</v>
      </c>
      <c r="B1998">
        <v>141535</v>
      </c>
      <c r="C1998" s="1">
        <v>42644</v>
      </c>
      <c r="D1998">
        <v>171</v>
      </c>
      <c r="E1998">
        <v>321</v>
      </c>
      <c r="F1998" t="s">
        <v>205</v>
      </c>
      <c r="G1998">
        <v>16</v>
      </c>
      <c r="H1998">
        <v>500</v>
      </c>
      <c r="I1998">
        <v>1</v>
      </c>
      <c r="J1998">
        <v>0</v>
      </c>
      <c r="K1998">
        <v>624613</v>
      </c>
      <c r="L1998">
        <v>624614</v>
      </c>
      <c r="M1998">
        <v>1</v>
      </c>
      <c r="N1998" t="s">
        <v>12</v>
      </c>
      <c r="O1998" s="1">
        <v>42645</v>
      </c>
      <c r="P1998" s="1">
        <v>42645.001388888886</v>
      </c>
    </row>
    <row r="1999" spans="1:16" x14ac:dyDescent="0.4">
      <c r="A1999">
        <v>3131</v>
      </c>
      <c r="B1999">
        <v>141525</v>
      </c>
      <c r="C1999" s="1">
        <v>42644</v>
      </c>
      <c r="D1999">
        <v>180</v>
      </c>
      <c r="E1999">
        <v>299</v>
      </c>
      <c r="F1999" t="s">
        <v>305</v>
      </c>
      <c r="G1999">
        <v>17</v>
      </c>
      <c r="H1999">
        <v>350</v>
      </c>
      <c r="I1999">
        <v>1</v>
      </c>
      <c r="J1999">
        <v>0</v>
      </c>
      <c r="K1999">
        <v>624632</v>
      </c>
      <c r="L1999">
        <v>624633</v>
      </c>
      <c r="M1999">
        <v>1</v>
      </c>
      <c r="N1999" t="s">
        <v>12</v>
      </c>
      <c r="O1999" s="1">
        <v>42644.977083333331</v>
      </c>
      <c r="P1999" s="1">
        <v>42645.025000000001</v>
      </c>
    </row>
    <row r="2000" spans="1:16" x14ac:dyDescent="0.4">
      <c r="A2000">
        <v>3132</v>
      </c>
      <c r="B2000">
        <v>141525</v>
      </c>
      <c r="C2000" s="1">
        <v>42644</v>
      </c>
      <c r="D2000">
        <v>300</v>
      </c>
      <c r="E2000">
        <v>1433</v>
      </c>
      <c r="F2000" t="s">
        <v>302</v>
      </c>
      <c r="G2000">
        <v>17</v>
      </c>
      <c r="H2000">
        <v>420</v>
      </c>
      <c r="I2000">
        <v>1</v>
      </c>
      <c r="J2000">
        <v>0</v>
      </c>
      <c r="K2000">
        <v>624634</v>
      </c>
      <c r="L2000">
        <v>624635</v>
      </c>
      <c r="M2000">
        <v>1</v>
      </c>
      <c r="N2000" t="s">
        <v>12</v>
      </c>
      <c r="O2000" s="1">
        <v>42644.977083333331</v>
      </c>
      <c r="P2000" s="1">
        <v>42645.025000000001</v>
      </c>
    </row>
    <row r="2001" spans="1:16" x14ac:dyDescent="0.4">
      <c r="A2001">
        <v>3133</v>
      </c>
      <c r="B2001">
        <v>141684</v>
      </c>
      <c r="C2001" s="1">
        <v>42646</v>
      </c>
      <c r="D2001">
        <v>145</v>
      </c>
      <c r="E2001">
        <v>132</v>
      </c>
      <c r="F2001" t="s">
        <v>74</v>
      </c>
      <c r="G2001">
        <v>2</v>
      </c>
      <c r="H2001">
        <v>300</v>
      </c>
      <c r="I2001">
        <v>1</v>
      </c>
      <c r="J2001">
        <v>0</v>
      </c>
      <c r="K2001">
        <v>625254</v>
      </c>
      <c r="L2001">
        <v>625255</v>
      </c>
      <c r="M2001">
        <v>1</v>
      </c>
      <c r="N2001" t="s">
        <v>12</v>
      </c>
      <c r="O2001" s="1">
        <v>42647.199999999997</v>
      </c>
      <c r="P2001" s="1">
        <v>42647.199999999997</v>
      </c>
    </row>
    <row r="2002" spans="1:16" x14ac:dyDescent="0.4">
      <c r="A2002">
        <v>3134</v>
      </c>
      <c r="B2002">
        <v>141928</v>
      </c>
      <c r="C2002" s="1">
        <v>42650</v>
      </c>
      <c r="D2002">
        <v>63</v>
      </c>
      <c r="E2002">
        <v>36</v>
      </c>
      <c r="F2002" t="s">
        <v>161</v>
      </c>
      <c r="G2002">
        <v>1</v>
      </c>
      <c r="H2002">
        <v>320</v>
      </c>
      <c r="I2002">
        <v>1</v>
      </c>
      <c r="J2002">
        <v>0</v>
      </c>
      <c r="K2002">
        <v>626301</v>
      </c>
      <c r="L2002">
        <v>626302</v>
      </c>
      <c r="M2002">
        <v>1</v>
      </c>
      <c r="N2002" t="s">
        <v>12</v>
      </c>
      <c r="O2002" s="1">
        <v>42650.997916666667</v>
      </c>
      <c r="P2002" s="1">
        <v>42650.999305555553</v>
      </c>
    </row>
    <row r="2003" spans="1:16" x14ac:dyDescent="0.4">
      <c r="A2003">
        <v>3135</v>
      </c>
      <c r="B2003">
        <v>141928</v>
      </c>
      <c r="C2003" s="1">
        <v>42650</v>
      </c>
      <c r="D2003">
        <v>90</v>
      </c>
      <c r="E2003">
        <v>71</v>
      </c>
      <c r="F2003" t="s">
        <v>91</v>
      </c>
      <c r="G2003">
        <v>1</v>
      </c>
      <c r="H2003">
        <v>400</v>
      </c>
      <c r="I2003">
        <v>1</v>
      </c>
      <c r="J2003">
        <v>0</v>
      </c>
      <c r="K2003">
        <v>626303</v>
      </c>
      <c r="L2003">
        <v>626304</v>
      </c>
      <c r="M2003">
        <v>1</v>
      </c>
      <c r="N2003" t="s">
        <v>12</v>
      </c>
      <c r="O2003" s="1">
        <v>42650.997916666667</v>
      </c>
      <c r="P2003" s="1">
        <v>42650.999305555553</v>
      </c>
    </row>
    <row r="2004" spans="1:16" x14ac:dyDescent="0.4">
      <c r="A2004">
        <v>3136</v>
      </c>
      <c r="B2004">
        <v>142107</v>
      </c>
      <c r="C2004" s="1">
        <v>42652</v>
      </c>
      <c r="D2004">
        <v>96</v>
      </c>
      <c r="E2004">
        <v>20</v>
      </c>
      <c r="F2004" t="s">
        <v>63</v>
      </c>
      <c r="G2004">
        <v>14</v>
      </c>
      <c r="H2004">
        <v>420</v>
      </c>
      <c r="I2004">
        <v>2</v>
      </c>
      <c r="J2004">
        <v>1</v>
      </c>
      <c r="K2004">
        <v>627143</v>
      </c>
      <c r="L2004">
        <v>627144</v>
      </c>
      <c r="M2004">
        <v>104</v>
      </c>
      <c r="N2004" t="s">
        <v>310</v>
      </c>
      <c r="O2004" s="1">
        <v>42652.882638888892</v>
      </c>
      <c r="P2004" s="1">
        <v>42652.890277777777</v>
      </c>
    </row>
    <row r="2005" spans="1:16" x14ac:dyDescent="0.4">
      <c r="A2005">
        <v>3137</v>
      </c>
      <c r="B2005">
        <v>142138</v>
      </c>
      <c r="C2005" s="1">
        <v>42652</v>
      </c>
      <c r="D2005">
        <v>84</v>
      </c>
      <c r="E2005">
        <v>65</v>
      </c>
      <c r="F2005" t="s">
        <v>71</v>
      </c>
      <c r="G2005">
        <v>7</v>
      </c>
      <c r="H2005">
        <v>400</v>
      </c>
      <c r="I2005">
        <v>1</v>
      </c>
      <c r="J2005">
        <v>0</v>
      </c>
      <c r="K2005">
        <v>627328</v>
      </c>
      <c r="L2005">
        <v>627329</v>
      </c>
      <c r="M2005">
        <v>100</v>
      </c>
      <c r="N2005" t="s">
        <v>1</v>
      </c>
      <c r="O2005" s="1">
        <v>42653.161805555559</v>
      </c>
      <c r="P2005" s="1">
        <v>42653.172222222223</v>
      </c>
    </row>
    <row r="2006" spans="1:16" x14ac:dyDescent="0.4">
      <c r="A2006">
        <v>3138</v>
      </c>
      <c r="B2006">
        <v>142138</v>
      </c>
      <c r="C2006" s="1">
        <v>42652</v>
      </c>
      <c r="D2006">
        <v>58</v>
      </c>
      <c r="E2006">
        <v>31</v>
      </c>
      <c r="F2006" t="s">
        <v>29</v>
      </c>
      <c r="G2006">
        <v>7</v>
      </c>
      <c r="H2006">
        <v>320</v>
      </c>
      <c r="I2006">
        <v>1</v>
      </c>
      <c r="J2006">
        <v>0</v>
      </c>
      <c r="K2006">
        <v>627330</v>
      </c>
      <c r="L2006">
        <v>627331</v>
      </c>
      <c r="M2006">
        <v>100</v>
      </c>
      <c r="N2006" t="s">
        <v>1</v>
      </c>
      <c r="O2006" s="1">
        <v>42653.161805555559</v>
      </c>
      <c r="P2006" s="1">
        <v>42653.172222222223</v>
      </c>
    </row>
    <row r="2007" spans="1:16" x14ac:dyDescent="0.4">
      <c r="A2007">
        <v>3139</v>
      </c>
      <c r="B2007">
        <v>142138</v>
      </c>
      <c r="C2007" s="1">
        <v>42652</v>
      </c>
      <c r="D2007">
        <v>288</v>
      </c>
      <c r="E2007">
        <v>48</v>
      </c>
      <c r="F2007" t="s">
        <v>89</v>
      </c>
      <c r="G2007">
        <v>7</v>
      </c>
      <c r="H2007">
        <v>480</v>
      </c>
      <c r="I2007">
        <v>1</v>
      </c>
      <c r="J2007">
        <v>0</v>
      </c>
      <c r="K2007">
        <v>627332</v>
      </c>
      <c r="L2007">
        <v>627333</v>
      </c>
      <c r="M2007">
        <v>100</v>
      </c>
      <c r="N2007" t="s">
        <v>1</v>
      </c>
      <c r="O2007" s="1">
        <v>42653.161805555559</v>
      </c>
      <c r="P2007" s="1">
        <v>42653.172222222223</v>
      </c>
    </row>
    <row r="2008" spans="1:16" x14ac:dyDescent="0.4">
      <c r="A2008">
        <v>3140</v>
      </c>
      <c r="B2008">
        <v>142200</v>
      </c>
      <c r="C2008" s="1">
        <v>42653</v>
      </c>
      <c r="D2008">
        <v>321</v>
      </c>
      <c r="E2008">
        <v>234</v>
      </c>
      <c r="F2008" t="s">
        <v>195</v>
      </c>
      <c r="G2008">
        <v>8</v>
      </c>
      <c r="H2008">
        <v>480</v>
      </c>
      <c r="I2008">
        <v>1</v>
      </c>
      <c r="J2008">
        <v>0</v>
      </c>
      <c r="K2008">
        <v>627581</v>
      </c>
      <c r="L2008">
        <v>627582</v>
      </c>
      <c r="M2008">
        <v>82</v>
      </c>
      <c r="N2008" t="s">
        <v>87</v>
      </c>
      <c r="O2008" s="1">
        <v>42653.92291666667</v>
      </c>
      <c r="P2008" s="1">
        <v>42653.927083333336</v>
      </c>
    </row>
    <row r="2009" spans="1:16" x14ac:dyDescent="0.4">
      <c r="A2009">
        <v>3141</v>
      </c>
      <c r="B2009">
        <v>142253</v>
      </c>
      <c r="C2009" s="1">
        <v>42654</v>
      </c>
      <c r="D2009">
        <v>146</v>
      </c>
      <c r="E2009">
        <v>131</v>
      </c>
      <c r="F2009" t="s">
        <v>41</v>
      </c>
      <c r="G2009">
        <v>3</v>
      </c>
      <c r="H2009">
        <v>450</v>
      </c>
      <c r="I2009">
        <v>1</v>
      </c>
      <c r="J2009">
        <v>0</v>
      </c>
      <c r="K2009">
        <v>627816</v>
      </c>
      <c r="L2009">
        <v>627817</v>
      </c>
      <c r="M2009">
        <v>74</v>
      </c>
      <c r="N2009" t="s">
        <v>56</v>
      </c>
      <c r="O2009" s="1">
        <v>42655.106249999997</v>
      </c>
      <c r="P2009" s="1">
        <v>42655.112500000003</v>
      </c>
    </row>
    <row r="2010" spans="1:16" x14ac:dyDescent="0.4">
      <c r="A2010">
        <v>3142</v>
      </c>
      <c r="B2010">
        <v>142418</v>
      </c>
      <c r="C2010" s="1">
        <v>42657</v>
      </c>
      <c r="D2010">
        <v>99</v>
      </c>
      <c r="E2010">
        <v>23</v>
      </c>
      <c r="F2010" t="s">
        <v>103</v>
      </c>
      <c r="G2010">
        <v>16</v>
      </c>
      <c r="H2010">
        <v>480</v>
      </c>
      <c r="I2010">
        <v>2</v>
      </c>
      <c r="J2010">
        <v>1</v>
      </c>
      <c r="K2010">
        <v>628576</v>
      </c>
      <c r="L2010">
        <v>628577</v>
      </c>
      <c r="M2010">
        <v>1</v>
      </c>
      <c r="N2010" t="s">
        <v>12</v>
      </c>
      <c r="O2010" s="1">
        <v>42658.055555555555</v>
      </c>
      <c r="P2010" s="1">
        <v>42658.061111111114</v>
      </c>
    </row>
    <row r="2011" spans="1:16" x14ac:dyDescent="0.4">
      <c r="A2011">
        <v>3143</v>
      </c>
      <c r="B2011">
        <v>142488</v>
      </c>
      <c r="C2011" s="1">
        <v>42658</v>
      </c>
      <c r="D2011">
        <v>92</v>
      </c>
      <c r="E2011">
        <v>73</v>
      </c>
      <c r="F2011" t="s">
        <v>120</v>
      </c>
      <c r="G2011">
        <v>7</v>
      </c>
      <c r="H2011">
        <v>480</v>
      </c>
      <c r="I2011">
        <v>1</v>
      </c>
      <c r="J2011">
        <v>0</v>
      </c>
      <c r="K2011">
        <v>628823</v>
      </c>
      <c r="L2011">
        <v>628824</v>
      </c>
      <c r="M2011">
        <v>1</v>
      </c>
      <c r="N2011" t="s">
        <v>12</v>
      </c>
      <c r="O2011" s="1">
        <v>42658.89166666667</v>
      </c>
      <c r="P2011" s="1">
        <v>42658.892361111109</v>
      </c>
    </row>
    <row r="2012" spans="1:16" x14ac:dyDescent="0.4">
      <c r="A2012">
        <v>3144</v>
      </c>
      <c r="B2012">
        <v>142488</v>
      </c>
      <c r="C2012" s="1">
        <v>42658</v>
      </c>
      <c r="D2012">
        <v>186</v>
      </c>
      <c r="E2012">
        <v>225</v>
      </c>
      <c r="F2012" t="s">
        <v>34</v>
      </c>
      <c r="G2012">
        <v>7</v>
      </c>
      <c r="H2012">
        <v>350</v>
      </c>
      <c r="I2012">
        <v>2</v>
      </c>
      <c r="J2012">
        <v>0</v>
      </c>
      <c r="K2012">
        <v>628825</v>
      </c>
      <c r="L2012">
        <v>628826</v>
      </c>
      <c r="M2012">
        <v>1</v>
      </c>
      <c r="N2012" t="s">
        <v>12</v>
      </c>
      <c r="O2012" s="1">
        <v>42658.892361111109</v>
      </c>
      <c r="P2012" s="1">
        <v>42658.892361111109</v>
      </c>
    </row>
    <row r="2013" spans="1:16" x14ac:dyDescent="0.4">
      <c r="A2013">
        <v>3145</v>
      </c>
      <c r="B2013">
        <v>142488</v>
      </c>
      <c r="C2013" s="1">
        <v>42658</v>
      </c>
      <c r="D2013">
        <v>188</v>
      </c>
      <c r="E2013">
        <v>227</v>
      </c>
      <c r="F2013" t="s">
        <v>113</v>
      </c>
      <c r="G2013">
        <v>7</v>
      </c>
      <c r="H2013">
        <v>280</v>
      </c>
      <c r="I2013">
        <v>1</v>
      </c>
      <c r="J2013">
        <v>0</v>
      </c>
      <c r="K2013">
        <v>628827</v>
      </c>
      <c r="L2013">
        <v>628828</v>
      </c>
      <c r="M2013">
        <v>1</v>
      </c>
      <c r="N2013" t="s">
        <v>12</v>
      </c>
      <c r="O2013" s="1">
        <v>42658.892361111109</v>
      </c>
      <c r="P2013" s="1">
        <v>42658.892361111109</v>
      </c>
    </row>
    <row r="2014" spans="1:16" x14ac:dyDescent="0.4">
      <c r="A2014">
        <v>3146</v>
      </c>
      <c r="B2014">
        <v>142584</v>
      </c>
      <c r="C2014" s="1">
        <v>42659</v>
      </c>
      <c r="D2014">
        <v>263</v>
      </c>
      <c r="E2014">
        <v>430</v>
      </c>
      <c r="F2014" t="s">
        <v>133</v>
      </c>
      <c r="G2014">
        <v>17</v>
      </c>
      <c r="H2014">
        <v>320</v>
      </c>
      <c r="I2014">
        <v>2</v>
      </c>
      <c r="J2014">
        <v>0</v>
      </c>
      <c r="K2014">
        <v>629286</v>
      </c>
      <c r="L2014">
        <v>629287</v>
      </c>
      <c r="M2014">
        <v>101</v>
      </c>
      <c r="N2014" t="s">
        <v>306</v>
      </c>
      <c r="O2014" s="1">
        <v>42659.881944444445</v>
      </c>
      <c r="P2014" s="1">
        <v>42659.882638888892</v>
      </c>
    </row>
    <row r="2015" spans="1:16" x14ac:dyDescent="0.4">
      <c r="A2015">
        <v>3147</v>
      </c>
      <c r="B2015">
        <v>142575</v>
      </c>
      <c r="C2015" s="1">
        <v>42659</v>
      </c>
      <c r="D2015">
        <v>155</v>
      </c>
      <c r="E2015">
        <v>153</v>
      </c>
      <c r="F2015" t="s">
        <v>206</v>
      </c>
      <c r="G2015">
        <v>2</v>
      </c>
      <c r="H2015">
        <v>380</v>
      </c>
      <c r="I2015">
        <v>1</v>
      </c>
      <c r="J2015">
        <v>0</v>
      </c>
      <c r="K2015">
        <v>629334</v>
      </c>
      <c r="L2015">
        <v>629335</v>
      </c>
      <c r="M2015">
        <v>101</v>
      </c>
      <c r="N2015" t="s">
        <v>306</v>
      </c>
      <c r="O2015" s="1">
        <v>42659.915277777778</v>
      </c>
      <c r="P2015" s="1">
        <v>42659.948611111111</v>
      </c>
    </row>
    <row r="2016" spans="1:16" x14ac:dyDescent="0.4">
      <c r="A2016">
        <v>3148</v>
      </c>
      <c r="B2016">
        <v>142591</v>
      </c>
      <c r="C2016" s="1">
        <v>42659</v>
      </c>
      <c r="D2016">
        <v>188</v>
      </c>
      <c r="E2016">
        <v>227</v>
      </c>
      <c r="F2016" t="s">
        <v>113</v>
      </c>
      <c r="G2016">
        <v>3</v>
      </c>
      <c r="H2016">
        <v>280</v>
      </c>
      <c r="I2016">
        <v>1</v>
      </c>
      <c r="J2016">
        <v>0</v>
      </c>
      <c r="K2016">
        <v>629356</v>
      </c>
      <c r="L2016">
        <v>629357</v>
      </c>
      <c r="M2016">
        <v>1</v>
      </c>
      <c r="N2016" t="s">
        <v>12</v>
      </c>
      <c r="O2016" s="1">
        <v>42659.96875</v>
      </c>
      <c r="P2016" s="1">
        <v>42659.96875</v>
      </c>
    </row>
    <row r="2017" spans="1:16" x14ac:dyDescent="0.4">
      <c r="A2017">
        <v>3149</v>
      </c>
      <c r="B2017">
        <v>142635</v>
      </c>
      <c r="C2017" s="1">
        <v>42660</v>
      </c>
      <c r="D2017">
        <v>176</v>
      </c>
      <c r="E2017">
        <v>148</v>
      </c>
      <c r="F2017" t="s">
        <v>220</v>
      </c>
      <c r="G2017">
        <v>12</v>
      </c>
      <c r="H2017">
        <v>250</v>
      </c>
      <c r="I2017">
        <v>1</v>
      </c>
      <c r="J2017">
        <v>0</v>
      </c>
      <c r="K2017">
        <v>629573</v>
      </c>
      <c r="L2017">
        <v>629574</v>
      </c>
      <c r="M2017">
        <v>101</v>
      </c>
      <c r="N2017" t="s">
        <v>306</v>
      </c>
      <c r="O2017" s="1">
        <v>42660.90347222222</v>
      </c>
      <c r="P2017" s="1">
        <v>42660.910416666666</v>
      </c>
    </row>
    <row r="2018" spans="1:16" x14ac:dyDescent="0.4">
      <c r="A2018">
        <v>3150</v>
      </c>
      <c r="B2018">
        <v>142698</v>
      </c>
      <c r="C2018" s="1">
        <v>42662</v>
      </c>
      <c r="D2018">
        <v>291</v>
      </c>
      <c r="E2018">
        <v>122</v>
      </c>
      <c r="F2018" t="s">
        <v>98</v>
      </c>
      <c r="G2018">
        <v>18</v>
      </c>
      <c r="H2018">
        <v>400</v>
      </c>
      <c r="I2018">
        <v>1</v>
      </c>
      <c r="J2018">
        <v>0</v>
      </c>
      <c r="K2018">
        <v>629853</v>
      </c>
      <c r="L2018">
        <v>629854</v>
      </c>
      <c r="M2018">
        <v>96</v>
      </c>
      <c r="N2018" t="s">
        <v>7</v>
      </c>
      <c r="O2018" s="1">
        <v>42662.555555555555</v>
      </c>
      <c r="P2018" s="1">
        <v>42662.606249999997</v>
      </c>
    </row>
    <row r="2019" spans="1:16" x14ac:dyDescent="0.4">
      <c r="A2019">
        <v>3151</v>
      </c>
      <c r="B2019">
        <v>142729</v>
      </c>
      <c r="C2019" s="1">
        <v>42662</v>
      </c>
      <c r="D2019">
        <v>202</v>
      </c>
      <c r="E2019">
        <v>6550</v>
      </c>
      <c r="F2019" t="s">
        <v>72</v>
      </c>
      <c r="G2019">
        <v>1</v>
      </c>
      <c r="H2019">
        <v>320</v>
      </c>
      <c r="I2019">
        <v>2</v>
      </c>
      <c r="J2019">
        <v>0</v>
      </c>
      <c r="K2019">
        <v>629973</v>
      </c>
      <c r="L2019">
        <v>629974</v>
      </c>
      <c r="M2019">
        <v>104</v>
      </c>
      <c r="N2019" t="s">
        <v>310</v>
      </c>
      <c r="O2019" s="1">
        <v>42662.912499999999</v>
      </c>
      <c r="P2019" s="1">
        <v>42662.922222222223</v>
      </c>
    </row>
    <row r="2020" spans="1:16" x14ac:dyDescent="0.4">
      <c r="A2020">
        <v>3152</v>
      </c>
      <c r="B2020">
        <v>142920</v>
      </c>
      <c r="C2020" s="1">
        <v>42665</v>
      </c>
      <c r="D2020">
        <v>122</v>
      </c>
      <c r="E2020">
        <v>142</v>
      </c>
      <c r="F2020" t="s">
        <v>25</v>
      </c>
      <c r="G2020">
        <v>3</v>
      </c>
      <c r="H2020">
        <v>350</v>
      </c>
      <c r="I2020">
        <v>1</v>
      </c>
      <c r="J2020">
        <v>0</v>
      </c>
      <c r="K2020">
        <v>630809</v>
      </c>
      <c r="L2020">
        <v>630810</v>
      </c>
      <c r="M2020">
        <v>100</v>
      </c>
      <c r="N2020" t="s">
        <v>1</v>
      </c>
      <c r="O2020" s="1">
        <v>42665.851388888892</v>
      </c>
      <c r="P2020" s="1">
        <v>42665.86041666667</v>
      </c>
    </row>
    <row r="2021" spans="1:16" x14ac:dyDescent="0.4">
      <c r="A2021">
        <v>3153</v>
      </c>
      <c r="B2021">
        <v>142948</v>
      </c>
      <c r="C2021" s="1">
        <v>42665</v>
      </c>
      <c r="D2021">
        <v>188</v>
      </c>
      <c r="E2021">
        <v>227</v>
      </c>
      <c r="F2021" t="s">
        <v>113</v>
      </c>
      <c r="G2021">
        <v>4</v>
      </c>
      <c r="H2021">
        <v>280</v>
      </c>
      <c r="I2021">
        <v>1</v>
      </c>
      <c r="J2021">
        <v>0</v>
      </c>
      <c r="K2021">
        <v>631037</v>
      </c>
      <c r="L2021">
        <v>631038</v>
      </c>
      <c r="M2021">
        <v>29</v>
      </c>
      <c r="O2021" s="1">
        <v>42666.076388888891</v>
      </c>
      <c r="P2021" s="1">
        <v>42666.077777777777</v>
      </c>
    </row>
    <row r="2022" spans="1:16" x14ac:dyDescent="0.4">
      <c r="A2022">
        <v>3154</v>
      </c>
      <c r="B2022">
        <v>143020</v>
      </c>
      <c r="C2022" s="1">
        <v>42666</v>
      </c>
      <c r="D2022">
        <v>125</v>
      </c>
      <c r="E2022">
        <v>126</v>
      </c>
      <c r="F2022" t="s">
        <v>8</v>
      </c>
      <c r="G2022">
        <v>20</v>
      </c>
      <c r="H2022">
        <v>380</v>
      </c>
      <c r="I2022">
        <v>1</v>
      </c>
      <c r="J2022">
        <v>0</v>
      </c>
      <c r="K2022">
        <v>631292</v>
      </c>
      <c r="L2022">
        <v>631293</v>
      </c>
      <c r="M2022">
        <v>91</v>
      </c>
      <c r="N2022" t="s">
        <v>24</v>
      </c>
      <c r="O2022" s="1">
        <v>42666.868750000001</v>
      </c>
      <c r="P2022" s="1">
        <v>42666.87777777778</v>
      </c>
    </row>
    <row r="2023" spans="1:16" x14ac:dyDescent="0.4">
      <c r="A2023">
        <v>3155</v>
      </c>
      <c r="B2023">
        <v>143028</v>
      </c>
      <c r="C2023" s="1">
        <v>42666</v>
      </c>
      <c r="D2023">
        <v>80</v>
      </c>
      <c r="E2023">
        <v>61</v>
      </c>
      <c r="F2023" t="s">
        <v>153</v>
      </c>
      <c r="G2023">
        <v>7</v>
      </c>
      <c r="H2023">
        <v>400</v>
      </c>
      <c r="I2023">
        <v>1</v>
      </c>
      <c r="J2023">
        <v>0</v>
      </c>
      <c r="K2023">
        <v>631330</v>
      </c>
      <c r="L2023">
        <v>631331</v>
      </c>
      <c r="M2023">
        <v>1</v>
      </c>
      <c r="N2023" t="s">
        <v>12</v>
      </c>
      <c r="O2023" s="1">
        <v>42666.997916666667</v>
      </c>
      <c r="P2023" s="1">
        <v>42666.99722222222</v>
      </c>
    </row>
    <row r="2024" spans="1:16" x14ac:dyDescent="0.4">
      <c r="A2024">
        <v>3157</v>
      </c>
      <c r="B2024">
        <v>143035</v>
      </c>
      <c r="C2024" s="1">
        <v>42666</v>
      </c>
      <c r="D2024">
        <v>89</v>
      </c>
      <c r="E2024">
        <v>70</v>
      </c>
      <c r="F2024" t="s">
        <v>10</v>
      </c>
      <c r="G2024">
        <v>4</v>
      </c>
      <c r="H2024">
        <v>400</v>
      </c>
      <c r="I2024">
        <v>1</v>
      </c>
      <c r="J2024">
        <v>0</v>
      </c>
      <c r="K2024">
        <v>631372</v>
      </c>
      <c r="L2024">
        <v>631373</v>
      </c>
      <c r="M2024">
        <v>1</v>
      </c>
      <c r="N2024" t="s">
        <v>12</v>
      </c>
      <c r="O2024" s="1">
        <v>42667.199305555558</v>
      </c>
      <c r="P2024" s="1">
        <v>42667.199999999997</v>
      </c>
    </row>
    <row r="2025" spans="1:16" x14ac:dyDescent="0.4">
      <c r="A2025">
        <v>3158</v>
      </c>
      <c r="B2025">
        <v>143043</v>
      </c>
      <c r="C2025" s="1">
        <v>42667</v>
      </c>
      <c r="D2025">
        <v>142</v>
      </c>
      <c r="E2025">
        <v>125</v>
      </c>
      <c r="F2025" t="s">
        <v>31</v>
      </c>
      <c r="G2025">
        <v>14</v>
      </c>
      <c r="H2025">
        <v>350</v>
      </c>
      <c r="I2025">
        <v>1</v>
      </c>
      <c r="J2025">
        <v>0</v>
      </c>
      <c r="K2025">
        <v>631430</v>
      </c>
      <c r="L2025">
        <v>631431</v>
      </c>
      <c r="M2025">
        <v>96</v>
      </c>
      <c r="N2025" t="s">
        <v>7</v>
      </c>
      <c r="O2025" s="1">
        <v>42667.479166666664</v>
      </c>
      <c r="P2025" s="1">
        <v>42667.59652777778</v>
      </c>
    </row>
    <row r="2026" spans="1:16" x14ac:dyDescent="0.4">
      <c r="A2026">
        <v>3159</v>
      </c>
      <c r="B2026">
        <v>143089</v>
      </c>
      <c r="C2026" s="1">
        <v>42667</v>
      </c>
      <c r="D2026">
        <v>90</v>
      </c>
      <c r="E2026">
        <v>71</v>
      </c>
      <c r="F2026" t="s">
        <v>91</v>
      </c>
      <c r="G2026">
        <v>1</v>
      </c>
      <c r="H2026">
        <v>400</v>
      </c>
      <c r="I2026">
        <v>1</v>
      </c>
      <c r="J2026">
        <v>0</v>
      </c>
      <c r="K2026">
        <v>631613</v>
      </c>
      <c r="L2026">
        <v>631614</v>
      </c>
      <c r="M2026">
        <v>1</v>
      </c>
      <c r="N2026" t="s">
        <v>12</v>
      </c>
      <c r="O2026" s="1">
        <v>42668.086805555555</v>
      </c>
      <c r="P2026" s="1">
        <v>42668.086805555555</v>
      </c>
    </row>
    <row r="2027" spans="1:16" x14ac:dyDescent="0.4">
      <c r="A2027">
        <v>3160</v>
      </c>
      <c r="B2027">
        <v>143089</v>
      </c>
      <c r="C2027" s="1">
        <v>42667</v>
      </c>
      <c r="D2027">
        <v>274</v>
      </c>
      <c r="E2027">
        <v>46</v>
      </c>
      <c r="F2027" t="s">
        <v>75</v>
      </c>
      <c r="G2027">
        <v>1</v>
      </c>
      <c r="H2027">
        <v>480</v>
      </c>
      <c r="I2027">
        <v>1</v>
      </c>
      <c r="J2027">
        <v>0</v>
      </c>
      <c r="K2027">
        <v>631615</v>
      </c>
      <c r="L2027">
        <v>631616</v>
      </c>
      <c r="M2027">
        <v>1</v>
      </c>
      <c r="N2027" t="s">
        <v>12</v>
      </c>
      <c r="O2027" s="1">
        <v>42668.086805555555</v>
      </c>
      <c r="P2027" s="1">
        <v>42668.086805555555</v>
      </c>
    </row>
    <row r="2028" spans="1:16" x14ac:dyDescent="0.4">
      <c r="A2028">
        <v>3161</v>
      </c>
      <c r="B2028">
        <v>143090</v>
      </c>
      <c r="C2028" s="1">
        <v>42667</v>
      </c>
      <c r="D2028">
        <v>122</v>
      </c>
      <c r="E2028">
        <v>142</v>
      </c>
      <c r="F2028" t="s">
        <v>25</v>
      </c>
      <c r="G2028">
        <v>3</v>
      </c>
      <c r="H2028">
        <v>350</v>
      </c>
      <c r="I2028">
        <v>1</v>
      </c>
      <c r="J2028">
        <v>0</v>
      </c>
      <c r="K2028">
        <v>631641</v>
      </c>
      <c r="L2028">
        <v>631642</v>
      </c>
      <c r="M2028">
        <v>1</v>
      </c>
      <c r="N2028" t="s">
        <v>12</v>
      </c>
      <c r="O2028" s="1">
        <v>42668.15347222222</v>
      </c>
      <c r="P2028" s="1">
        <v>42668.15625</v>
      </c>
    </row>
    <row r="2029" spans="1:16" x14ac:dyDescent="0.4">
      <c r="A2029">
        <v>3162</v>
      </c>
      <c r="B2029">
        <v>143128</v>
      </c>
      <c r="C2029" s="1">
        <v>42668</v>
      </c>
      <c r="D2029">
        <v>205</v>
      </c>
      <c r="E2029">
        <v>400</v>
      </c>
      <c r="F2029" t="s">
        <v>125</v>
      </c>
      <c r="G2029">
        <v>7</v>
      </c>
      <c r="H2029">
        <v>320</v>
      </c>
      <c r="I2029">
        <v>1</v>
      </c>
      <c r="J2029">
        <v>0</v>
      </c>
      <c r="K2029">
        <v>631833</v>
      </c>
      <c r="L2029">
        <v>631834</v>
      </c>
      <c r="M2029">
        <v>90</v>
      </c>
      <c r="N2029" t="s">
        <v>9</v>
      </c>
      <c r="O2029" s="1">
        <v>42668.88958333333</v>
      </c>
      <c r="P2029" s="1">
        <v>42668.938888888886</v>
      </c>
    </row>
    <row r="2030" spans="1:16" x14ac:dyDescent="0.4">
      <c r="A2030">
        <v>3163</v>
      </c>
      <c r="B2030">
        <v>143128</v>
      </c>
      <c r="C2030" s="1">
        <v>42668</v>
      </c>
      <c r="D2030">
        <v>263</v>
      </c>
      <c r="E2030">
        <v>430</v>
      </c>
      <c r="F2030" t="s">
        <v>133</v>
      </c>
      <c r="G2030">
        <v>7</v>
      </c>
      <c r="H2030">
        <v>320</v>
      </c>
      <c r="I2030">
        <v>1</v>
      </c>
      <c r="J2030">
        <v>0</v>
      </c>
      <c r="K2030">
        <v>631835</v>
      </c>
      <c r="L2030">
        <v>631836</v>
      </c>
      <c r="M2030">
        <v>90</v>
      </c>
      <c r="N2030" t="s">
        <v>9</v>
      </c>
      <c r="O2030" s="1">
        <v>42668.902083333334</v>
      </c>
      <c r="P2030" s="1">
        <v>42668.938888888886</v>
      </c>
    </row>
    <row r="2031" spans="1:16" x14ac:dyDescent="0.4">
      <c r="A2031">
        <v>3164</v>
      </c>
      <c r="B2031">
        <v>143128</v>
      </c>
      <c r="C2031" s="1">
        <v>42668</v>
      </c>
      <c r="D2031">
        <v>263</v>
      </c>
      <c r="E2031">
        <v>430</v>
      </c>
      <c r="F2031" t="s">
        <v>133</v>
      </c>
      <c r="G2031">
        <v>7</v>
      </c>
      <c r="H2031">
        <v>320</v>
      </c>
      <c r="I2031">
        <v>1</v>
      </c>
      <c r="J2031">
        <v>0</v>
      </c>
      <c r="K2031">
        <v>631837</v>
      </c>
      <c r="L2031">
        <v>631838</v>
      </c>
      <c r="M2031">
        <v>90</v>
      </c>
      <c r="N2031" t="s">
        <v>9</v>
      </c>
      <c r="O2031" s="1">
        <v>42668.90347222222</v>
      </c>
      <c r="P2031" s="1">
        <v>42668.938888888886</v>
      </c>
    </row>
    <row r="2032" spans="1:16" x14ac:dyDescent="0.4">
      <c r="A2032">
        <v>3165</v>
      </c>
      <c r="B2032">
        <v>143128</v>
      </c>
      <c r="C2032" s="1">
        <v>42668</v>
      </c>
      <c r="D2032">
        <v>205</v>
      </c>
      <c r="E2032">
        <v>400</v>
      </c>
      <c r="F2032" t="s">
        <v>125</v>
      </c>
      <c r="G2032">
        <v>7</v>
      </c>
      <c r="H2032">
        <v>320</v>
      </c>
      <c r="I2032">
        <v>1</v>
      </c>
      <c r="J2032">
        <v>0</v>
      </c>
      <c r="K2032">
        <v>631839</v>
      </c>
      <c r="L2032">
        <v>631840</v>
      </c>
      <c r="M2032">
        <v>90</v>
      </c>
      <c r="N2032" t="s">
        <v>9</v>
      </c>
      <c r="O2032" s="1">
        <v>42668.90347222222</v>
      </c>
      <c r="P2032" s="1">
        <v>42668.939583333333</v>
      </c>
    </row>
    <row r="2033" spans="1:16" x14ac:dyDescent="0.4">
      <c r="A2033">
        <v>3166</v>
      </c>
      <c r="B2033">
        <v>143128</v>
      </c>
      <c r="C2033" s="1">
        <v>42668</v>
      </c>
      <c r="D2033">
        <v>205</v>
      </c>
      <c r="E2033">
        <v>400</v>
      </c>
      <c r="F2033" t="s">
        <v>125</v>
      </c>
      <c r="G2033">
        <v>7</v>
      </c>
      <c r="H2033">
        <v>320</v>
      </c>
      <c r="I2033">
        <v>1</v>
      </c>
      <c r="J2033">
        <v>0</v>
      </c>
      <c r="K2033">
        <v>631841</v>
      </c>
      <c r="L2033">
        <v>631842</v>
      </c>
      <c r="M2033">
        <v>90</v>
      </c>
      <c r="N2033" t="s">
        <v>9</v>
      </c>
      <c r="O2033" s="1">
        <v>42668.921527777777</v>
      </c>
      <c r="P2033" s="1">
        <v>42668.939583333333</v>
      </c>
    </row>
    <row r="2034" spans="1:16" x14ac:dyDescent="0.4">
      <c r="A2034">
        <v>3167</v>
      </c>
      <c r="B2034">
        <v>143128</v>
      </c>
      <c r="C2034" s="1">
        <v>42668</v>
      </c>
      <c r="D2034">
        <v>263</v>
      </c>
      <c r="E2034">
        <v>430</v>
      </c>
      <c r="F2034" t="s">
        <v>133</v>
      </c>
      <c r="G2034">
        <v>7</v>
      </c>
      <c r="H2034">
        <v>320</v>
      </c>
      <c r="I2034">
        <v>2</v>
      </c>
      <c r="J2034">
        <v>0</v>
      </c>
      <c r="K2034">
        <v>631843</v>
      </c>
      <c r="L2034">
        <v>631844</v>
      </c>
      <c r="M2034">
        <v>90</v>
      </c>
      <c r="N2034" t="s">
        <v>9</v>
      </c>
      <c r="O2034" s="1">
        <v>42668.932638888888</v>
      </c>
      <c r="P2034" s="1">
        <v>42668.939583333333</v>
      </c>
    </row>
    <row r="2035" spans="1:16" x14ac:dyDescent="0.4">
      <c r="A2035">
        <v>3168</v>
      </c>
      <c r="B2035">
        <v>143128</v>
      </c>
      <c r="C2035" s="1">
        <v>42668</v>
      </c>
      <c r="D2035">
        <v>65</v>
      </c>
      <c r="E2035">
        <v>38</v>
      </c>
      <c r="F2035" t="s">
        <v>80</v>
      </c>
      <c r="G2035">
        <v>7</v>
      </c>
      <c r="H2035">
        <v>320</v>
      </c>
      <c r="I2035">
        <v>1</v>
      </c>
      <c r="J2035">
        <v>0</v>
      </c>
      <c r="K2035">
        <v>631845</v>
      </c>
      <c r="L2035">
        <v>631846</v>
      </c>
      <c r="M2035">
        <v>90</v>
      </c>
      <c r="N2035" t="s">
        <v>9</v>
      </c>
      <c r="O2035" s="1">
        <v>42668.938194444447</v>
      </c>
      <c r="P2035" s="1">
        <v>42668.939583333333</v>
      </c>
    </row>
    <row r="2036" spans="1:16" x14ac:dyDescent="0.4">
      <c r="A2036">
        <v>3169</v>
      </c>
      <c r="B2036">
        <v>143128</v>
      </c>
      <c r="C2036" s="1">
        <v>42668</v>
      </c>
      <c r="D2036">
        <v>205</v>
      </c>
      <c r="E2036">
        <v>400</v>
      </c>
      <c r="F2036" t="s">
        <v>125</v>
      </c>
      <c r="G2036">
        <v>7</v>
      </c>
      <c r="H2036">
        <v>320</v>
      </c>
      <c r="I2036">
        <v>1</v>
      </c>
      <c r="J2036">
        <v>0</v>
      </c>
      <c r="K2036">
        <v>631847</v>
      </c>
      <c r="L2036">
        <v>631848</v>
      </c>
      <c r="M2036">
        <v>90</v>
      </c>
      <c r="N2036" t="s">
        <v>9</v>
      </c>
      <c r="O2036" s="1">
        <v>42668.938194444447</v>
      </c>
      <c r="P2036" s="1">
        <v>42668.939583333333</v>
      </c>
    </row>
    <row r="2037" spans="1:16" x14ac:dyDescent="0.4">
      <c r="A2037">
        <v>3170</v>
      </c>
      <c r="B2037">
        <v>143142</v>
      </c>
      <c r="C2037" s="1">
        <v>42668</v>
      </c>
      <c r="D2037">
        <v>57</v>
      </c>
      <c r="E2037">
        <v>30</v>
      </c>
      <c r="F2037" t="s">
        <v>60</v>
      </c>
      <c r="G2037">
        <v>2</v>
      </c>
      <c r="H2037">
        <v>0</v>
      </c>
      <c r="I2037">
        <v>1</v>
      </c>
      <c r="J2037">
        <v>0</v>
      </c>
      <c r="K2037">
        <v>631912</v>
      </c>
      <c r="L2037">
        <v>631913</v>
      </c>
      <c r="M2037">
        <v>91</v>
      </c>
      <c r="N2037" t="s">
        <v>24</v>
      </c>
      <c r="O2037" s="1">
        <v>42669.083333333336</v>
      </c>
      <c r="P2037" s="1">
        <v>42669.084027777775</v>
      </c>
    </row>
    <row r="2038" spans="1:16" x14ac:dyDescent="0.4">
      <c r="A2038">
        <v>3171</v>
      </c>
      <c r="B2038">
        <v>143142</v>
      </c>
      <c r="C2038" s="1">
        <v>42668</v>
      </c>
      <c r="D2038">
        <v>71</v>
      </c>
      <c r="E2038">
        <v>52</v>
      </c>
      <c r="F2038" t="s">
        <v>23</v>
      </c>
      <c r="G2038">
        <v>2</v>
      </c>
      <c r="H2038">
        <v>0</v>
      </c>
      <c r="I2038">
        <v>1</v>
      </c>
      <c r="J2038">
        <v>0</v>
      </c>
      <c r="K2038">
        <v>631914</v>
      </c>
      <c r="L2038">
        <v>631915</v>
      </c>
      <c r="M2038">
        <v>91</v>
      </c>
      <c r="N2038" t="s">
        <v>24</v>
      </c>
      <c r="O2038" s="1">
        <v>42669.083333333336</v>
      </c>
      <c r="P2038" s="1">
        <v>42669.084027777775</v>
      </c>
    </row>
    <row r="2039" spans="1:16" x14ac:dyDescent="0.4">
      <c r="A2039">
        <v>3172</v>
      </c>
      <c r="B2039">
        <v>143182</v>
      </c>
      <c r="C2039" s="1">
        <v>42669</v>
      </c>
      <c r="D2039">
        <v>109</v>
      </c>
      <c r="E2039">
        <v>80</v>
      </c>
      <c r="F2039" t="s">
        <v>186</v>
      </c>
      <c r="G2039">
        <v>1</v>
      </c>
      <c r="H2039">
        <v>400</v>
      </c>
      <c r="I2039">
        <v>1</v>
      </c>
      <c r="J2039">
        <v>0</v>
      </c>
      <c r="K2039">
        <v>632091</v>
      </c>
      <c r="L2039">
        <v>632092</v>
      </c>
      <c r="M2039">
        <v>104</v>
      </c>
      <c r="N2039" t="s">
        <v>310</v>
      </c>
      <c r="O2039" s="1">
        <v>42669.86041666667</v>
      </c>
      <c r="P2039" s="1">
        <v>42669.86041666667</v>
      </c>
    </row>
    <row r="2040" spans="1:16" x14ac:dyDescent="0.4">
      <c r="A2040">
        <v>3173</v>
      </c>
      <c r="B2040">
        <v>143182</v>
      </c>
      <c r="C2040" s="1">
        <v>42669</v>
      </c>
      <c r="D2040">
        <v>110</v>
      </c>
      <c r="E2040">
        <v>97</v>
      </c>
      <c r="F2040" t="s">
        <v>314</v>
      </c>
      <c r="G2040">
        <v>1</v>
      </c>
      <c r="H2040">
        <v>500</v>
      </c>
      <c r="I2040">
        <v>1</v>
      </c>
      <c r="J2040">
        <v>0</v>
      </c>
      <c r="K2040">
        <v>632095</v>
      </c>
      <c r="L2040">
        <v>632096</v>
      </c>
      <c r="M2040">
        <v>104</v>
      </c>
      <c r="N2040" t="s">
        <v>310</v>
      </c>
      <c r="O2040" s="1">
        <v>42669.861111111109</v>
      </c>
      <c r="P2040" s="1">
        <v>42669.861111111109</v>
      </c>
    </row>
    <row r="2041" spans="1:16" x14ac:dyDescent="0.4">
      <c r="A2041">
        <v>3174</v>
      </c>
      <c r="B2041">
        <v>143531</v>
      </c>
      <c r="C2041" s="1">
        <v>42674</v>
      </c>
      <c r="D2041">
        <v>142</v>
      </c>
      <c r="E2041">
        <v>125</v>
      </c>
      <c r="F2041" t="s">
        <v>31</v>
      </c>
      <c r="G2041">
        <v>17</v>
      </c>
      <c r="H2041">
        <v>350</v>
      </c>
      <c r="I2041">
        <v>3</v>
      </c>
      <c r="J2041">
        <v>0</v>
      </c>
      <c r="K2041">
        <v>633632</v>
      </c>
      <c r="L2041">
        <v>633633</v>
      </c>
      <c r="M2041">
        <v>96</v>
      </c>
      <c r="N2041" t="s">
        <v>7</v>
      </c>
      <c r="O2041" s="1">
        <v>42674.700694444444</v>
      </c>
      <c r="P2041" s="1">
        <v>42674.75277777778</v>
      </c>
    </row>
    <row r="2042" spans="1:16" x14ac:dyDescent="0.4">
      <c r="A2042">
        <v>3175</v>
      </c>
      <c r="B2042">
        <v>143546</v>
      </c>
      <c r="C2042" s="1">
        <v>42674</v>
      </c>
      <c r="D2042">
        <v>97</v>
      </c>
      <c r="E2042">
        <v>21</v>
      </c>
      <c r="F2042" t="s">
        <v>6</v>
      </c>
      <c r="G2042">
        <v>6</v>
      </c>
      <c r="H2042">
        <v>420</v>
      </c>
      <c r="I2042">
        <v>1</v>
      </c>
      <c r="J2042">
        <v>0</v>
      </c>
      <c r="K2042">
        <v>633675</v>
      </c>
      <c r="L2042">
        <v>633676</v>
      </c>
      <c r="M2042">
        <v>100</v>
      </c>
      <c r="N2042" t="s">
        <v>1</v>
      </c>
      <c r="O2042" s="1">
        <v>42674.865972222222</v>
      </c>
      <c r="P2042" s="1">
        <v>42674.868055555555</v>
      </c>
    </row>
    <row r="2043" spans="1:16" x14ac:dyDescent="0.4">
      <c r="A2043">
        <v>3224</v>
      </c>
      <c r="B2043">
        <v>145494</v>
      </c>
      <c r="C2043" s="1">
        <v>42704</v>
      </c>
      <c r="D2043">
        <v>108</v>
      </c>
      <c r="E2043">
        <v>96</v>
      </c>
      <c r="F2043" t="s">
        <v>0</v>
      </c>
      <c r="G2043">
        <v>10</v>
      </c>
      <c r="H2043">
        <v>520</v>
      </c>
      <c r="I2043">
        <v>1</v>
      </c>
      <c r="J2043">
        <v>0</v>
      </c>
      <c r="K2043">
        <v>642330</v>
      </c>
      <c r="L2043">
        <v>642331</v>
      </c>
      <c r="M2043">
        <v>1</v>
      </c>
      <c r="N2043" t="s">
        <v>12</v>
      </c>
      <c r="O2043" s="1">
        <v>42704.84652777778</v>
      </c>
      <c r="P2043" s="1">
        <v>42704.847916666666</v>
      </c>
    </row>
    <row r="2044" spans="1:16" x14ac:dyDescent="0.4">
      <c r="A2044">
        <v>3225</v>
      </c>
      <c r="B2044">
        <v>145494</v>
      </c>
      <c r="C2044" s="1">
        <v>42704</v>
      </c>
      <c r="D2044">
        <v>65</v>
      </c>
      <c r="E2044">
        <v>38</v>
      </c>
      <c r="F2044" t="s">
        <v>80</v>
      </c>
      <c r="G2044">
        <v>10</v>
      </c>
      <c r="H2044">
        <v>320</v>
      </c>
      <c r="I2044">
        <v>1</v>
      </c>
      <c r="J2044">
        <v>0</v>
      </c>
      <c r="K2044">
        <v>642332</v>
      </c>
      <c r="L2044">
        <v>642333</v>
      </c>
      <c r="M2044">
        <v>1</v>
      </c>
      <c r="N2044" t="s">
        <v>12</v>
      </c>
      <c r="O2044" s="1">
        <v>42704.84652777778</v>
      </c>
      <c r="P2044" s="1">
        <v>42704.847916666666</v>
      </c>
    </row>
    <row r="2045" spans="1:16" x14ac:dyDescent="0.4">
      <c r="A2045">
        <v>3226</v>
      </c>
      <c r="B2045">
        <v>145494</v>
      </c>
      <c r="C2045" s="1">
        <v>42704</v>
      </c>
      <c r="D2045">
        <v>315</v>
      </c>
      <c r="E2045">
        <v>244</v>
      </c>
      <c r="F2045" t="s">
        <v>141</v>
      </c>
      <c r="G2045">
        <v>10</v>
      </c>
      <c r="H2045">
        <v>480</v>
      </c>
      <c r="I2045">
        <v>1</v>
      </c>
      <c r="J2045">
        <v>0</v>
      </c>
      <c r="K2045">
        <v>642334</v>
      </c>
      <c r="L2045">
        <v>642335</v>
      </c>
      <c r="M2045">
        <v>1</v>
      </c>
      <c r="N2045" t="s">
        <v>12</v>
      </c>
      <c r="O2045" s="1">
        <v>42704.84652777778</v>
      </c>
      <c r="P2045" s="1">
        <v>42704.847916666666</v>
      </c>
    </row>
    <row r="2046" spans="1:16" x14ac:dyDescent="0.4">
      <c r="A2046">
        <v>3227</v>
      </c>
      <c r="B2046">
        <v>145494</v>
      </c>
      <c r="C2046" s="1">
        <v>42704</v>
      </c>
      <c r="D2046">
        <v>71</v>
      </c>
      <c r="E2046">
        <v>52</v>
      </c>
      <c r="F2046" t="s">
        <v>23</v>
      </c>
      <c r="G2046">
        <v>10</v>
      </c>
      <c r="H2046">
        <v>400</v>
      </c>
      <c r="I2046">
        <v>1</v>
      </c>
      <c r="J2046">
        <v>0</v>
      </c>
      <c r="K2046">
        <v>642336</v>
      </c>
      <c r="L2046">
        <v>642337</v>
      </c>
      <c r="M2046">
        <v>1</v>
      </c>
      <c r="N2046" t="s">
        <v>12</v>
      </c>
      <c r="O2046" s="1">
        <v>42704.84652777778</v>
      </c>
      <c r="P2046" s="1">
        <v>42704.847916666666</v>
      </c>
    </row>
    <row r="2047" spans="1:16" x14ac:dyDescent="0.4">
      <c r="A2047">
        <v>3228</v>
      </c>
      <c r="B2047">
        <v>145514</v>
      </c>
      <c r="C2047" s="1">
        <v>42705</v>
      </c>
      <c r="D2047">
        <v>16</v>
      </c>
      <c r="E2047">
        <v>120</v>
      </c>
      <c r="F2047" t="s">
        <v>58</v>
      </c>
      <c r="G2047">
        <v>12</v>
      </c>
      <c r="H2047">
        <v>450</v>
      </c>
      <c r="I2047">
        <v>1</v>
      </c>
      <c r="J2047">
        <v>0</v>
      </c>
      <c r="K2047">
        <v>642486</v>
      </c>
      <c r="L2047">
        <v>642487</v>
      </c>
      <c r="M2047">
        <v>96</v>
      </c>
      <c r="N2047" t="s">
        <v>7</v>
      </c>
      <c r="O2047" s="1">
        <v>42705.553472222222</v>
      </c>
      <c r="P2047" s="1">
        <v>42705.5625</v>
      </c>
    </row>
    <row r="2048" spans="1:16" x14ac:dyDescent="0.4">
      <c r="A2048">
        <v>3229</v>
      </c>
      <c r="B2048">
        <v>146074</v>
      </c>
      <c r="C2048" s="1">
        <v>42713</v>
      </c>
      <c r="D2048">
        <v>103</v>
      </c>
      <c r="E2048">
        <v>27</v>
      </c>
      <c r="F2048" t="s">
        <v>191</v>
      </c>
      <c r="G2048">
        <v>6</v>
      </c>
      <c r="H2048">
        <v>1650</v>
      </c>
      <c r="I2048">
        <v>2</v>
      </c>
      <c r="J2048">
        <v>0</v>
      </c>
      <c r="K2048">
        <v>645031</v>
      </c>
      <c r="L2048">
        <v>645032</v>
      </c>
      <c r="M2048">
        <v>99</v>
      </c>
      <c r="N2048" t="s">
        <v>308</v>
      </c>
      <c r="O2048" s="1">
        <v>42713.847222222219</v>
      </c>
      <c r="P2048" s="1">
        <v>42713.872916666667</v>
      </c>
    </row>
    <row r="2049" spans="1:16" x14ac:dyDescent="0.4">
      <c r="A2049">
        <v>3230</v>
      </c>
      <c r="B2049">
        <v>146075</v>
      </c>
      <c r="C2049" s="1">
        <v>42713</v>
      </c>
      <c r="D2049">
        <v>142</v>
      </c>
      <c r="E2049">
        <v>125</v>
      </c>
      <c r="F2049" t="s">
        <v>31</v>
      </c>
      <c r="G2049">
        <v>1</v>
      </c>
      <c r="H2049">
        <v>350</v>
      </c>
      <c r="I2049">
        <v>1</v>
      </c>
      <c r="J2049">
        <v>0</v>
      </c>
      <c r="K2049">
        <v>645033</v>
      </c>
      <c r="L2049">
        <v>645034</v>
      </c>
      <c r="M2049">
        <v>99</v>
      </c>
      <c r="N2049" t="s">
        <v>308</v>
      </c>
      <c r="O2049" s="1">
        <v>42713.862500000003</v>
      </c>
      <c r="P2049" s="1">
        <v>42713.875</v>
      </c>
    </row>
    <row r="2050" spans="1:16" x14ac:dyDescent="0.4">
      <c r="A2050">
        <v>3231</v>
      </c>
      <c r="B2050">
        <v>146075</v>
      </c>
      <c r="C2050" s="1">
        <v>42713</v>
      </c>
      <c r="D2050">
        <v>290</v>
      </c>
      <c r="E2050">
        <v>1260</v>
      </c>
      <c r="F2050" t="s">
        <v>22</v>
      </c>
      <c r="G2050">
        <v>1</v>
      </c>
      <c r="H2050">
        <v>500</v>
      </c>
      <c r="I2050">
        <v>1</v>
      </c>
      <c r="J2050">
        <v>0</v>
      </c>
      <c r="K2050">
        <v>645035</v>
      </c>
      <c r="L2050">
        <v>645036</v>
      </c>
      <c r="M2050">
        <v>99</v>
      </c>
      <c r="N2050" t="s">
        <v>308</v>
      </c>
      <c r="O2050" s="1">
        <v>42713.862500000003</v>
      </c>
      <c r="P2050" s="1">
        <v>42713.875</v>
      </c>
    </row>
    <row r="2051" spans="1:16" x14ac:dyDescent="0.4">
      <c r="A2051">
        <v>3232</v>
      </c>
      <c r="B2051">
        <v>146179</v>
      </c>
      <c r="C2051" s="1">
        <v>42714</v>
      </c>
      <c r="D2051">
        <v>126</v>
      </c>
      <c r="E2051">
        <v>138</v>
      </c>
      <c r="F2051" t="s">
        <v>66</v>
      </c>
      <c r="G2051">
        <v>7</v>
      </c>
      <c r="H2051">
        <v>380</v>
      </c>
      <c r="I2051">
        <v>1</v>
      </c>
      <c r="J2051">
        <v>0</v>
      </c>
      <c r="K2051">
        <v>645563</v>
      </c>
      <c r="L2051">
        <v>645564</v>
      </c>
      <c r="M2051">
        <v>1</v>
      </c>
      <c r="N2051" t="s">
        <v>12</v>
      </c>
      <c r="O2051" s="1">
        <v>42714.87777777778</v>
      </c>
      <c r="P2051" s="1">
        <v>42714.884027777778</v>
      </c>
    </row>
    <row r="2052" spans="1:16" x14ac:dyDescent="0.4">
      <c r="A2052">
        <v>3233</v>
      </c>
      <c r="B2052">
        <v>146179</v>
      </c>
      <c r="C2052" s="1">
        <v>42714</v>
      </c>
      <c r="D2052">
        <v>126</v>
      </c>
      <c r="E2052">
        <v>138</v>
      </c>
      <c r="F2052" t="s">
        <v>66</v>
      </c>
      <c r="G2052">
        <v>7</v>
      </c>
      <c r="H2052">
        <v>380</v>
      </c>
      <c r="I2052">
        <v>1</v>
      </c>
      <c r="J2052">
        <v>0</v>
      </c>
      <c r="K2052">
        <v>645565</v>
      </c>
      <c r="L2052">
        <v>645566</v>
      </c>
      <c r="M2052">
        <v>1</v>
      </c>
      <c r="N2052" t="s">
        <v>12</v>
      </c>
      <c r="O2052" s="1">
        <v>42714.879166666666</v>
      </c>
      <c r="P2052" s="1">
        <v>42714.884027777778</v>
      </c>
    </row>
    <row r="2053" spans="1:16" x14ac:dyDescent="0.4">
      <c r="A2053">
        <v>3234</v>
      </c>
      <c r="B2053">
        <v>146421</v>
      </c>
      <c r="C2053" s="1">
        <v>42718</v>
      </c>
      <c r="D2053">
        <v>89</v>
      </c>
      <c r="E2053">
        <v>70</v>
      </c>
      <c r="F2053" t="s">
        <v>10</v>
      </c>
      <c r="G2053">
        <v>3</v>
      </c>
      <c r="H2053">
        <v>400</v>
      </c>
      <c r="I2053">
        <v>1</v>
      </c>
      <c r="J2053">
        <v>0</v>
      </c>
      <c r="K2053">
        <v>646795</v>
      </c>
      <c r="L2053">
        <v>646796</v>
      </c>
      <c r="M2053">
        <v>1</v>
      </c>
      <c r="N2053" t="s">
        <v>12</v>
      </c>
      <c r="O2053" s="1">
        <v>42718.777777777781</v>
      </c>
      <c r="P2053" s="1">
        <v>42718.932638888888</v>
      </c>
    </row>
    <row r="2054" spans="1:16" x14ac:dyDescent="0.4">
      <c r="A2054">
        <v>3235</v>
      </c>
      <c r="B2054">
        <v>146421</v>
      </c>
      <c r="C2054" s="1">
        <v>42718</v>
      </c>
      <c r="D2054">
        <v>57</v>
      </c>
      <c r="E2054">
        <v>30</v>
      </c>
      <c r="F2054" t="s">
        <v>60</v>
      </c>
      <c r="G2054">
        <v>3</v>
      </c>
      <c r="H2054">
        <v>320</v>
      </c>
      <c r="I2054">
        <v>1</v>
      </c>
      <c r="J2054">
        <v>0</v>
      </c>
      <c r="K2054">
        <v>646797</v>
      </c>
      <c r="L2054">
        <v>646798</v>
      </c>
      <c r="M2054">
        <v>1</v>
      </c>
      <c r="N2054" t="s">
        <v>12</v>
      </c>
      <c r="O2054" s="1">
        <v>42718.785416666666</v>
      </c>
      <c r="P2054" s="1">
        <v>42718.932638888888</v>
      </c>
    </row>
    <row r="2055" spans="1:16" x14ac:dyDescent="0.4">
      <c r="A2055">
        <v>3236</v>
      </c>
      <c r="B2055">
        <v>146421</v>
      </c>
      <c r="C2055" s="1">
        <v>42718</v>
      </c>
      <c r="D2055">
        <v>84</v>
      </c>
      <c r="E2055">
        <v>65</v>
      </c>
      <c r="F2055" t="s">
        <v>71</v>
      </c>
      <c r="G2055">
        <v>3</v>
      </c>
      <c r="H2055">
        <v>400</v>
      </c>
      <c r="I2055">
        <v>1</v>
      </c>
      <c r="J2055">
        <v>0</v>
      </c>
      <c r="K2055">
        <v>646799</v>
      </c>
      <c r="L2055">
        <v>646800</v>
      </c>
      <c r="M2055">
        <v>1</v>
      </c>
      <c r="N2055" t="s">
        <v>12</v>
      </c>
      <c r="O2055" s="1">
        <v>42718.791666666664</v>
      </c>
      <c r="P2055" s="1">
        <v>42718.932638888888</v>
      </c>
    </row>
    <row r="2056" spans="1:16" x14ac:dyDescent="0.4">
      <c r="A2056">
        <v>3237</v>
      </c>
      <c r="B2056">
        <v>146421</v>
      </c>
      <c r="C2056" s="1">
        <v>42718</v>
      </c>
      <c r="D2056">
        <v>64</v>
      </c>
      <c r="E2056">
        <v>37</v>
      </c>
      <c r="F2056" t="s">
        <v>221</v>
      </c>
      <c r="G2056">
        <v>3</v>
      </c>
      <c r="H2056">
        <v>320</v>
      </c>
      <c r="I2056">
        <v>1</v>
      </c>
      <c r="J2056">
        <v>0</v>
      </c>
      <c r="K2056">
        <v>646801</v>
      </c>
      <c r="L2056">
        <v>646802</v>
      </c>
      <c r="M2056">
        <v>1</v>
      </c>
      <c r="N2056" t="s">
        <v>12</v>
      </c>
      <c r="O2056" s="1">
        <v>42718.8</v>
      </c>
      <c r="P2056" s="1">
        <v>42718.932638888888</v>
      </c>
    </row>
    <row r="2057" spans="1:16" x14ac:dyDescent="0.4">
      <c r="A2057">
        <v>3238</v>
      </c>
      <c r="B2057">
        <v>146421</v>
      </c>
      <c r="C2057" s="1">
        <v>42718</v>
      </c>
      <c r="D2057">
        <v>92</v>
      </c>
      <c r="E2057">
        <v>73</v>
      </c>
      <c r="F2057" t="s">
        <v>120</v>
      </c>
      <c r="G2057">
        <v>3</v>
      </c>
      <c r="H2057">
        <v>480</v>
      </c>
      <c r="I2057">
        <v>1</v>
      </c>
      <c r="J2057">
        <v>0</v>
      </c>
      <c r="K2057">
        <v>646803</v>
      </c>
      <c r="L2057">
        <v>646804</v>
      </c>
      <c r="M2057">
        <v>1</v>
      </c>
      <c r="N2057" t="s">
        <v>12</v>
      </c>
      <c r="O2057" s="1">
        <v>42718.813194444447</v>
      </c>
      <c r="P2057" s="1">
        <v>42718.932638888888</v>
      </c>
    </row>
    <row r="2058" spans="1:16" x14ac:dyDescent="0.4">
      <c r="A2058">
        <v>3239</v>
      </c>
      <c r="B2058">
        <v>146421</v>
      </c>
      <c r="C2058" s="1">
        <v>42718</v>
      </c>
      <c r="D2058">
        <v>69</v>
      </c>
      <c r="E2058">
        <v>50</v>
      </c>
      <c r="F2058" t="s">
        <v>18</v>
      </c>
      <c r="G2058">
        <v>3</v>
      </c>
      <c r="H2058">
        <v>480</v>
      </c>
      <c r="I2058">
        <v>1</v>
      </c>
      <c r="J2058">
        <v>0</v>
      </c>
      <c r="K2058">
        <v>646805</v>
      </c>
      <c r="L2058">
        <v>646806</v>
      </c>
      <c r="M2058">
        <v>1</v>
      </c>
      <c r="N2058" t="s">
        <v>12</v>
      </c>
      <c r="O2058" s="1">
        <v>42718.820833333331</v>
      </c>
      <c r="P2058" s="1">
        <v>42718.932638888888</v>
      </c>
    </row>
    <row r="2059" spans="1:16" x14ac:dyDescent="0.4">
      <c r="A2059">
        <v>3240</v>
      </c>
      <c r="B2059">
        <v>146421</v>
      </c>
      <c r="C2059" s="1">
        <v>42718</v>
      </c>
      <c r="D2059">
        <v>93</v>
      </c>
      <c r="E2059">
        <v>74</v>
      </c>
      <c r="F2059" t="s">
        <v>134</v>
      </c>
      <c r="G2059">
        <v>3</v>
      </c>
      <c r="H2059">
        <v>480</v>
      </c>
      <c r="I2059">
        <v>1</v>
      </c>
      <c r="J2059">
        <v>0</v>
      </c>
      <c r="K2059">
        <v>646807</v>
      </c>
      <c r="L2059">
        <v>646808</v>
      </c>
      <c r="M2059">
        <v>1</v>
      </c>
      <c r="N2059" t="s">
        <v>12</v>
      </c>
      <c r="O2059" s="1">
        <v>42718.82916666667</v>
      </c>
      <c r="P2059" s="1">
        <v>42718.933333333334</v>
      </c>
    </row>
    <row r="2060" spans="1:16" x14ac:dyDescent="0.4">
      <c r="A2060">
        <v>3241</v>
      </c>
      <c r="B2060">
        <v>146421</v>
      </c>
      <c r="C2060" s="1">
        <v>42718</v>
      </c>
      <c r="D2060">
        <v>94</v>
      </c>
      <c r="E2060">
        <v>75</v>
      </c>
      <c r="F2060" t="s">
        <v>57</v>
      </c>
      <c r="G2060">
        <v>3</v>
      </c>
      <c r="H2060">
        <v>480</v>
      </c>
      <c r="I2060">
        <v>1</v>
      </c>
      <c r="J2060">
        <v>0</v>
      </c>
      <c r="K2060">
        <v>646809</v>
      </c>
      <c r="L2060">
        <v>646810</v>
      </c>
      <c r="M2060">
        <v>1</v>
      </c>
      <c r="N2060" t="s">
        <v>12</v>
      </c>
      <c r="O2060" s="1">
        <v>42718.836805555555</v>
      </c>
      <c r="P2060" s="1">
        <v>42718.933333333334</v>
      </c>
    </row>
    <row r="2061" spans="1:16" x14ac:dyDescent="0.4">
      <c r="A2061">
        <v>3242</v>
      </c>
      <c r="B2061">
        <v>146421</v>
      </c>
      <c r="C2061" s="1">
        <v>42718</v>
      </c>
      <c r="D2061">
        <v>194</v>
      </c>
      <c r="E2061">
        <v>224</v>
      </c>
      <c r="F2061" t="s">
        <v>139</v>
      </c>
      <c r="G2061">
        <v>3</v>
      </c>
      <c r="H2061">
        <v>480</v>
      </c>
      <c r="I2061">
        <v>1</v>
      </c>
      <c r="J2061">
        <v>0</v>
      </c>
      <c r="K2061">
        <v>646811</v>
      </c>
      <c r="L2061">
        <v>646812</v>
      </c>
      <c r="M2061">
        <v>1</v>
      </c>
      <c r="N2061" t="s">
        <v>12</v>
      </c>
      <c r="O2061" s="1">
        <v>42718.849305555559</v>
      </c>
      <c r="P2061" s="1">
        <v>42718.933333333334</v>
      </c>
    </row>
    <row r="2062" spans="1:16" x14ac:dyDescent="0.4">
      <c r="A2062">
        <v>3243</v>
      </c>
      <c r="B2062">
        <v>146421</v>
      </c>
      <c r="C2062" s="1">
        <v>42718</v>
      </c>
      <c r="D2062">
        <v>69</v>
      </c>
      <c r="E2062">
        <v>50</v>
      </c>
      <c r="F2062" t="s">
        <v>18</v>
      </c>
      <c r="G2062">
        <v>3</v>
      </c>
      <c r="H2062">
        <v>480</v>
      </c>
      <c r="I2062">
        <v>1</v>
      </c>
      <c r="J2062">
        <v>0</v>
      </c>
      <c r="K2062">
        <v>646813</v>
      </c>
      <c r="L2062">
        <v>646814</v>
      </c>
      <c r="M2062">
        <v>1</v>
      </c>
      <c r="N2062" t="s">
        <v>12</v>
      </c>
      <c r="O2062" s="1">
        <v>42718.855555555558</v>
      </c>
      <c r="P2062" s="1">
        <v>42718.933333333334</v>
      </c>
    </row>
    <row r="2063" spans="1:16" x14ac:dyDescent="0.4">
      <c r="A2063">
        <v>3244</v>
      </c>
      <c r="B2063">
        <v>146421</v>
      </c>
      <c r="C2063" s="1">
        <v>42718</v>
      </c>
      <c r="D2063">
        <v>188</v>
      </c>
      <c r="E2063">
        <v>227</v>
      </c>
      <c r="F2063" t="s">
        <v>113</v>
      </c>
      <c r="G2063">
        <v>3</v>
      </c>
      <c r="H2063">
        <v>280</v>
      </c>
      <c r="I2063">
        <v>1</v>
      </c>
      <c r="J2063">
        <v>0</v>
      </c>
      <c r="K2063">
        <v>646816</v>
      </c>
      <c r="L2063">
        <v>646817</v>
      </c>
      <c r="M2063">
        <v>1</v>
      </c>
      <c r="N2063" t="s">
        <v>12</v>
      </c>
      <c r="O2063" s="1">
        <v>42718.859722222223</v>
      </c>
      <c r="P2063" s="1">
        <v>42718.933333333334</v>
      </c>
    </row>
    <row r="2064" spans="1:16" x14ac:dyDescent="0.4">
      <c r="A2064">
        <v>3245</v>
      </c>
      <c r="B2064">
        <v>146421</v>
      </c>
      <c r="C2064" s="1">
        <v>42718</v>
      </c>
      <c r="D2064">
        <v>194</v>
      </c>
      <c r="E2064">
        <v>224</v>
      </c>
      <c r="F2064" t="s">
        <v>139</v>
      </c>
      <c r="G2064">
        <v>3</v>
      </c>
      <c r="H2064">
        <v>480</v>
      </c>
      <c r="I2064">
        <v>1</v>
      </c>
      <c r="J2064">
        <v>0</v>
      </c>
      <c r="K2064">
        <v>646818</v>
      </c>
      <c r="L2064">
        <v>646819</v>
      </c>
      <c r="M2064">
        <v>1</v>
      </c>
      <c r="N2064" t="s">
        <v>12</v>
      </c>
      <c r="O2064" s="1">
        <v>42718.893055555556</v>
      </c>
      <c r="P2064" s="1">
        <v>42718.933333333334</v>
      </c>
    </row>
    <row r="2065" spans="1:16" x14ac:dyDescent="0.4">
      <c r="A2065">
        <v>3246</v>
      </c>
      <c r="B2065">
        <v>146421</v>
      </c>
      <c r="C2065" s="1">
        <v>42718</v>
      </c>
      <c r="D2065">
        <v>274</v>
      </c>
      <c r="E2065">
        <v>46</v>
      </c>
      <c r="F2065" t="s">
        <v>75</v>
      </c>
      <c r="G2065">
        <v>3</v>
      </c>
      <c r="H2065">
        <v>480</v>
      </c>
      <c r="I2065">
        <v>1</v>
      </c>
      <c r="J2065">
        <v>0</v>
      </c>
      <c r="K2065">
        <v>646820</v>
      </c>
      <c r="L2065">
        <v>646821</v>
      </c>
      <c r="M2065">
        <v>1</v>
      </c>
      <c r="N2065" t="s">
        <v>12</v>
      </c>
      <c r="O2065" s="1">
        <v>42718.911805555559</v>
      </c>
      <c r="P2065" s="1">
        <v>42718.933333333334</v>
      </c>
    </row>
    <row r="2066" spans="1:16" x14ac:dyDescent="0.4">
      <c r="A2066">
        <v>3247</v>
      </c>
      <c r="B2066">
        <v>146441</v>
      </c>
      <c r="C2066" s="1">
        <v>42718</v>
      </c>
      <c r="D2066">
        <v>301</v>
      </c>
      <c r="E2066">
        <v>1430</v>
      </c>
      <c r="F2066" t="s">
        <v>19</v>
      </c>
      <c r="G2066">
        <v>11</v>
      </c>
      <c r="H2066">
        <v>420</v>
      </c>
      <c r="I2066">
        <v>1</v>
      </c>
      <c r="J2066">
        <v>0</v>
      </c>
      <c r="K2066">
        <v>646867</v>
      </c>
      <c r="L2066">
        <v>646868</v>
      </c>
      <c r="M2066">
        <v>29</v>
      </c>
      <c r="O2066" s="1">
        <v>42718.976388888892</v>
      </c>
      <c r="P2066" s="1">
        <v>42718.979861111111</v>
      </c>
    </row>
    <row r="2067" spans="1:16" x14ac:dyDescent="0.4">
      <c r="A2067">
        <v>3248</v>
      </c>
      <c r="B2067">
        <v>146663</v>
      </c>
      <c r="C2067" s="1">
        <v>42721</v>
      </c>
      <c r="D2067">
        <v>310</v>
      </c>
      <c r="E2067">
        <v>315</v>
      </c>
      <c r="F2067" t="s">
        <v>298</v>
      </c>
      <c r="G2067">
        <v>5</v>
      </c>
      <c r="H2067">
        <v>500</v>
      </c>
      <c r="I2067">
        <v>1</v>
      </c>
      <c r="J2067">
        <v>0</v>
      </c>
      <c r="K2067">
        <v>647943</v>
      </c>
      <c r="L2067">
        <v>647944</v>
      </c>
      <c r="M2067">
        <v>90</v>
      </c>
      <c r="N2067" t="s">
        <v>9</v>
      </c>
      <c r="O2067" s="1">
        <v>42721.981944444444</v>
      </c>
      <c r="P2067" s="1">
        <v>42721.995833333334</v>
      </c>
    </row>
    <row r="2068" spans="1:16" x14ac:dyDescent="0.4">
      <c r="A2068">
        <v>3249</v>
      </c>
      <c r="B2068">
        <v>146665</v>
      </c>
      <c r="C2068" s="1">
        <v>42721</v>
      </c>
      <c r="D2068">
        <v>125</v>
      </c>
      <c r="E2068">
        <v>126</v>
      </c>
      <c r="F2068" t="s">
        <v>8</v>
      </c>
      <c r="G2068">
        <v>16</v>
      </c>
      <c r="H2068">
        <v>380</v>
      </c>
      <c r="I2068">
        <v>1</v>
      </c>
      <c r="J2068">
        <v>0</v>
      </c>
      <c r="K2068">
        <v>648000</v>
      </c>
      <c r="L2068">
        <v>648001</v>
      </c>
      <c r="M2068">
        <v>90</v>
      </c>
      <c r="N2068" t="s">
        <v>9</v>
      </c>
      <c r="O2068" s="1">
        <v>42722.060416666667</v>
      </c>
      <c r="P2068" s="1">
        <v>42722.0625</v>
      </c>
    </row>
    <row r="2069" spans="1:16" x14ac:dyDescent="0.4">
      <c r="A2069">
        <v>3250</v>
      </c>
      <c r="B2069">
        <v>146756</v>
      </c>
      <c r="C2069" s="1">
        <v>42722</v>
      </c>
      <c r="D2069">
        <v>290</v>
      </c>
      <c r="E2069">
        <v>1260</v>
      </c>
      <c r="F2069" t="s">
        <v>22</v>
      </c>
      <c r="G2069">
        <v>2</v>
      </c>
      <c r="H2069">
        <v>500</v>
      </c>
      <c r="I2069">
        <v>1</v>
      </c>
      <c r="J2069">
        <v>0</v>
      </c>
      <c r="K2069">
        <v>648409</v>
      </c>
      <c r="L2069">
        <v>648410</v>
      </c>
      <c r="M2069">
        <v>90</v>
      </c>
      <c r="N2069" t="s">
        <v>9</v>
      </c>
      <c r="O2069" s="1">
        <v>42723.198611111111</v>
      </c>
      <c r="P2069" s="1">
        <v>42723.20416666667</v>
      </c>
    </row>
    <row r="2070" spans="1:16" x14ac:dyDescent="0.4">
      <c r="A2070">
        <v>3251</v>
      </c>
      <c r="B2070">
        <v>146796</v>
      </c>
      <c r="C2070" s="1">
        <v>42723</v>
      </c>
      <c r="D2070">
        <v>66</v>
      </c>
      <c r="E2070">
        <v>39</v>
      </c>
      <c r="F2070" t="s">
        <v>135</v>
      </c>
      <c r="G2070">
        <v>19</v>
      </c>
      <c r="H2070">
        <v>320</v>
      </c>
      <c r="I2070">
        <v>2</v>
      </c>
      <c r="J2070">
        <v>0</v>
      </c>
      <c r="K2070">
        <v>648553</v>
      </c>
      <c r="L2070">
        <v>648554</v>
      </c>
      <c r="M2070">
        <v>107</v>
      </c>
      <c r="N2070" t="s">
        <v>30</v>
      </c>
      <c r="O2070" s="1">
        <v>42723.853472222225</v>
      </c>
      <c r="P2070" s="1">
        <v>42723.861111111109</v>
      </c>
    </row>
    <row r="2071" spans="1:16" x14ac:dyDescent="0.4">
      <c r="A2071">
        <v>3252</v>
      </c>
      <c r="B2071">
        <v>146796</v>
      </c>
      <c r="C2071" s="1">
        <v>42723</v>
      </c>
      <c r="D2071">
        <v>95</v>
      </c>
      <c r="E2071">
        <v>76</v>
      </c>
      <c r="F2071" t="s">
        <v>222</v>
      </c>
      <c r="G2071">
        <v>19</v>
      </c>
      <c r="H2071">
        <v>400</v>
      </c>
      <c r="I2071">
        <v>2</v>
      </c>
      <c r="J2071">
        <v>0</v>
      </c>
      <c r="K2071">
        <v>648555</v>
      </c>
      <c r="L2071">
        <v>648556</v>
      </c>
      <c r="M2071">
        <v>107</v>
      </c>
      <c r="N2071" t="s">
        <v>30</v>
      </c>
      <c r="O2071" s="1">
        <v>42723.855555555558</v>
      </c>
      <c r="P2071" s="1">
        <v>42723.861111111109</v>
      </c>
    </row>
    <row r="2072" spans="1:16" x14ac:dyDescent="0.4">
      <c r="A2072">
        <v>3253</v>
      </c>
      <c r="B2072">
        <v>146796</v>
      </c>
      <c r="C2072" s="1">
        <v>42723</v>
      </c>
      <c r="D2072">
        <v>95</v>
      </c>
      <c r="E2072">
        <v>76</v>
      </c>
      <c r="F2072" t="s">
        <v>222</v>
      </c>
      <c r="G2072">
        <v>19</v>
      </c>
      <c r="H2072">
        <v>400</v>
      </c>
      <c r="I2072">
        <v>1</v>
      </c>
      <c r="J2072">
        <v>0</v>
      </c>
      <c r="K2072">
        <v>648557</v>
      </c>
      <c r="L2072">
        <v>648558</v>
      </c>
      <c r="M2072">
        <v>107</v>
      </c>
      <c r="N2072" t="s">
        <v>30</v>
      </c>
      <c r="O2072" s="1">
        <v>42723.861111111109</v>
      </c>
      <c r="P2072" s="1">
        <v>42723.861111111109</v>
      </c>
    </row>
    <row r="2073" spans="1:16" x14ac:dyDescent="0.4">
      <c r="A2073">
        <v>3254</v>
      </c>
      <c r="B2073">
        <v>146802</v>
      </c>
      <c r="C2073" s="1">
        <v>42723</v>
      </c>
      <c r="D2073">
        <v>246</v>
      </c>
      <c r="E2073">
        <v>59</v>
      </c>
      <c r="F2073" t="s">
        <v>92</v>
      </c>
      <c r="G2073">
        <v>6</v>
      </c>
      <c r="H2073">
        <v>400</v>
      </c>
      <c r="I2073">
        <v>1</v>
      </c>
      <c r="J2073">
        <v>0</v>
      </c>
      <c r="K2073">
        <v>648599</v>
      </c>
      <c r="L2073">
        <v>648600</v>
      </c>
      <c r="M2073">
        <v>104</v>
      </c>
      <c r="N2073" t="s">
        <v>310</v>
      </c>
      <c r="O2073" s="1">
        <v>42723.992361111108</v>
      </c>
      <c r="P2073" s="1">
        <v>42723.993055555555</v>
      </c>
    </row>
    <row r="2074" spans="1:16" x14ac:dyDescent="0.4">
      <c r="A2074">
        <v>3255</v>
      </c>
      <c r="B2074">
        <v>146802</v>
      </c>
      <c r="C2074" s="1">
        <v>42723</v>
      </c>
      <c r="D2074">
        <v>66</v>
      </c>
      <c r="E2074">
        <v>39</v>
      </c>
      <c r="F2074" t="s">
        <v>135</v>
      </c>
      <c r="G2074">
        <v>6</v>
      </c>
      <c r="H2074">
        <v>320</v>
      </c>
      <c r="I2074">
        <v>1</v>
      </c>
      <c r="J2074">
        <v>0</v>
      </c>
      <c r="K2074">
        <v>648601</v>
      </c>
      <c r="L2074">
        <v>648602</v>
      </c>
      <c r="M2074">
        <v>104</v>
      </c>
      <c r="N2074" t="s">
        <v>310</v>
      </c>
      <c r="O2074" s="1">
        <v>42723.992361111108</v>
      </c>
      <c r="P2074" s="1">
        <v>42723.993055555555</v>
      </c>
    </row>
    <row r="2075" spans="1:16" x14ac:dyDescent="0.4">
      <c r="A2075">
        <v>3256</v>
      </c>
      <c r="B2075">
        <v>146848</v>
      </c>
      <c r="C2075" s="1">
        <v>42724</v>
      </c>
      <c r="D2075">
        <v>73</v>
      </c>
      <c r="E2075">
        <v>54</v>
      </c>
      <c r="F2075" t="s">
        <v>36</v>
      </c>
      <c r="G2075">
        <v>10</v>
      </c>
      <c r="H2075">
        <v>400</v>
      </c>
      <c r="I2075">
        <v>1</v>
      </c>
      <c r="J2075">
        <v>0</v>
      </c>
      <c r="K2075">
        <v>648791</v>
      </c>
      <c r="L2075">
        <v>648792</v>
      </c>
      <c r="M2075">
        <v>101</v>
      </c>
      <c r="N2075" t="s">
        <v>306</v>
      </c>
      <c r="O2075" s="1">
        <v>42724.882638888892</v>
      </c>
      <c r="P2075" s="1">
        <v>42724.890972222223</v>
      </c>
    </row>
    <row r="2076" spans="1:16" x14ac:dyDescent="0.4">
      <c r="A2076">
        <v>3257</v>
      </c>
      <c r="B2076">
        <v>146848</v>
      </c>
      <c r="C2076" s="1">
        <v>42724</v>
      </c>
      <c r="D2076">
        <v>170</v>
      </c>
      <c r="E2076">
        <v>303</v>
      </c>
      <c r="F2076" t="s">
        <v>110</v>
      </c>
      <c r="G2076">
        <v>10</v>
      </c>
      <c r="H2076">
        <v>480</v>
      </c>
      <c r="I2076">
        <v>3</v>
      </c>
      <c r="J2076">
        <v>0</v>
      </c>
      <c r="K2076">
        <v>648793</v>
      </c>
      <c r="L2076">
        <v>648794</v>
      </c>
      <c r="M2076">
        <v>101</v>
      </c>
      <c r="N2076" t="s">
        <v>306</v>
      </c>
      <c r="O2076" s="1">
        <v>42724.882638888892</v>
      </c>
      <c r="P2076" s="1">
        <v>42724.89166666667</v>
      </c>
    </row>
    <row r="2077" spans="1:16" x14ac:dyDescent="0.4">
      <c r="A2077">
        <v>3258</v>
      </c>
      <c r="B2077">
        <v>146859</v>
      </c>
      <c r="C2077" s="1">
        <v>42724</v>
      </c>
      <c r="D2077">
        <v>159</v>
      </c>
      <c r="E2077">
        <v>118</v>
      </c>
      <c r="F2077" t="s">
        <v>95</v>
      </c>
      <c r="G2077">
        <v>1</v>
      </c>
      <c r="H2077">
        <v>500</v>
      </c>
      <c r="I2077">
        <v>1</v>
      </c>
      <c r="J2077">
        <v>0</v>
      </c>
      <c r="K2077">
        <v>648845</v>
      </c>
      <c r="L2077">
        <v>648846</v>
      </c>
      <c r="M2077">
        <v>101</v>
      </c>
      <c r="N2077" t="s">
        <v>306</v>
      </c>
      <c r="O2077" s="1">
        <v>42724.927083333336</v>
      </c>
      <c r="P2077" s="1">
        <v>42724.949305555558</v>
      </c>
    </row>
    <row r="2078" spans="1:16" x14ac:dyDescent="0.4">
      <c r="A2078">
        <v>3259</v>
      </c>
      <c r="B2078">
        <v>147104</v>
      </c>
      <c r="C2078" s="1">
        <v>42727</v>
      </c>
      <c r="D2078">
        <v>153</v>
      </c>
      <c r="E2078">
        <v>151</v>
      </c>
      <c r="F2078" t="s">
        <v>108</v>
      </c>
      <c r="G2078">
        <v>2</v>
      </c>
      <c r="H2078">
        <v>420</v>
      </c>
      <c r="I2078">
        <v>1</v>
      </c>
      <c r="J2078">
        <v>0</v>
      </c>
      <c r="K2078">
        <v>649991</v>
      </c>
      <c r="L2078">
        <v>649992</v>
      </c>
      <c r="M2078">
        <v>1</v>
      </c>
      <c r="N2078" t="s">
        <v>12</v>
      </c>
      <c r="O2078" s="1">
        <v>42728.195138888892</v>
      </c>
      <c r="P2078" s="1">
        <v>42728.197222222225</v>
      </c>
    </row>
    <row r="2079" spans="1:16" x14ac:dyDescent="0.4">
      <c r="A2079">
        <v>3260</v>
      </c>
      <c r="B2079">
        <v>147147</v>
      </c>
      <c r="C2079" s="1">
        <v>42728</v>
      </c>
      <c r="D2079">
        <v>157</v>
      </c>
      <c r="E2079">
        <v>113</v>
      </c>
      <c r="F2079" t="s">
        <v>59</v>
      </c>
      <c r="G2079">
        <v>15</v>
      </c>
      <c r="H2079">
        <v>550</v>
      </c>
      <c r="I2079">
        <v>2</v>
      </c>
      <c r="J2079">
        <v>1</v>
      </c>
      <c r="K2079">
        <v>650176</v>
      </c>
      <c r="L2079">
        <v>650177</v>
      </c>
      <c r="M2079">
        <v>100</v>
      </c>
      <c r="N2079" t="s">
        <v>1</v>
      </c>
      <c r="O2079" s="1">
        <v>42728.724305555559</v>
      </c>
      <c r="P2079" s="1">
        <v>42728.819444444445</v>
      </c>
    </row>
    <row r="2080" spans="1:16" x14ac:dyDescent="0.4">
      <c r="A2080">
        <v>3261</v>
      </c>
      <c r="B2080">
        <v>147147</v>
      </c>
      <c r="C2080" s="1">
        <v>42728</v>
      </c>
      <c r="D2080">
        <v>139</v>
      </c>
      <c r="E2080">
        <v>134</v>
      </c>
      <c r="F2080" t="s">
        <v>177</v>
      </c>
      <c r="G2080">
        <v>15</v>
      </c>
      <c r="H2080">
        <v>1380</v>
      </c>
      <c r="I2080">
        <v>1</v>
      </c>
      <c r="J2080">
        <v>0</v>
      </c>
      <c r="K2080">
        <v>650178</v>
      </c>
      <c r="L2080">
        <v>650179</v>
      </c>
      <c r="M2080">
        <v>100</v>
      </c>
      <c r="N2080" t="s">
        <v>1</v>
      </c>
      <c r="O2080" s="1">
        <v>42728.724305555559</v>
      </c>
      <c r="P2080" s="1">
        <v>42728.819444444445</v>
      </c>
    </row>
    <row r="2081" spans="1:16" x14ac:dyDescent="0.4">
      <c r="A2081">
        <v>3262</v>
      </c>
      <c r="B2081">
        <v>147181</v>
      </c>
      <c r="C2081" s="1">
        <v>42728</v>
      </c>
      <c r="D2081">
        <v>169</v>
      </c>
      <c r="E2081">
        <v>304</v>
      </c>
      <c r="F2081" t="s">
        <v>132</v>
      </c>
      <c r="G2081">
        <v>14</v>
      </c>
      <c r="H2081">
        <v>450</v>
      </c>
      <c r="I2081">
        <v>1</v>
      </c>
      <c r="J2081">
        <v>0</v>
      </c>
      <c r="K2081">
        <v>650480</v>
      </c>
      <c r="L2081">
        <v>650481</v>
      </c>
      <c r="M2081">
        <v>29</v>
      </c>
      <c r="O2081" s="1">
        <v>42729.202777777777</v>
      </c>
      <c r="P2081" s="1">
        <v>42729.216666666667</v>
      </c>
    </row>
    <row r="2082" spans="1:16" x14ac:dyDescent="0.4">
      <c r="A2082">
        <v>3263</v>
      </c>
      <c r="B2082">
        <v>147264</v>
      </c>
      <c r="C2082" s="1">
        <v>42729</v>
      </c>
      <c r="D2082">
        <v>213</v>
      </c>
      <c r="E2082">
        <v>211</v>
      </c>
      <c r="F2082" t="s">
        <v>46</v>
      </c>
      <c r="G2082">
        <v>4</v>
      </c>
      <c r="H2082">
        <v>0</v>
      </c>
      <c r="I2082">
        <v>1</v>
      </c>
      <c r="J2082">
        <v>0</v>
      </c>
      <c r="K2082">
        <v>650725</v>
      </c>
      <c r="L2082">
        <v>650726</v>
      </c>
      <c r="M2082">
        <v>94</v>
      </c>
      <c r="N2082" t="s">
        <v>40</v>
      </c>
      <c r="O2082" s="1">
        <v>42729.938888888886</v>
      </c>
      <c r="P2082" s="1">
        <v>42729.968055555553</v>
      </c>
    </row>
    <row r="2083" spans="1:16" x14ac:dyDescent="0.4">
      <c r="A2083">
        <v>2856</v>
      </c>
      <c r="B2083">
        <v>125153</v>
      </c>
      <c r="C2083" s="1">
        <v>42427</v>
      </c>
      <c r="D2083">
        <v>71</v>
      </c>
      <c r="E2083">
        <v>52</v>
      </c>
      <c r="F2083" t="s">
        <v>23</v>
      </c>
      <c r="G2083">
        <v>2</v>
      </c>
      <c r="H2083">
        <v>400</v>
      </c>
      <c r="I2083">
        <v>1</v>
      </c>
      <c r="J2083">
        <v>0</v>
      </c>
      <c r="K2083">
        <v>551395</v>
      </c>
      <c r="L2083">
        <v>551396</v>
      </c>
      <c r="M2083">
        <v>1</v>
      </c>
      <c r="N2083" t="s">
        <v>12</v>
      </c>
      <c r="O2083" s="1">
        <v>42428.013888888891</v>
      </c>
      <c r="P2083" s="1">
        <v>42428.067361111112</v>
      </c>
    </row>
    <row r="2084" spans="1:16" x14ac:dyDescent="0.4">
      <c r="A2084">
        <v>3056</v>
      </c>
      <c r="B2084">
        <v>138143</v>
      </c>
      <c r="C2084" s="1">
        <v>42599</v>
      </c>
      <c r="D2084">
        <v>149</v>
      </c>
      <c r="E2084">
        <v>121</v>
      </c>
      <c r="F2084" t="s">
        <v>52</v>
      </c>
      <c r="G2084">
        <v>9</v>
      </c>
      <c r="H2084">
        <v>450</v>
      </c>
      <c r="I2084">
        <v>1</v>
      </c>
      <c r="J2084">
        <v>0</v>
      </c>
      <c r="K2084">
        <v>609594</v>
      </c>
      <c r="L2084">
        <v>609595</v>
      </c>
      <c r="M2084">
        <v>101</v>
      </c>
      <c r="N2084" t="s">
        <v>306</v>
      </c>
      <c r="O2084" s="1">
        <v>42599.811805555553</v>
      </c>
      <c r="P2084" s="1">
        <v>42599.813888888886</v>
      </c>
    </row>
    <row r="2085" spans="1:16" x14ac:dyDescent="0.4">
      <c r="A2085">
        <v>3057</v>
      </c>
      <c r="B2085">
        <v>138240</v>
      </c>
      <c r="C2085" s="1">
        <v>42600</v>
      </c>
      <c r="D2085">
        <v>94</v>
      </c>
      <c r="E2085">
        <v>75</v>
      </c>
      <c r="F2085" t="s">
        <v>57</v>
      </c>
      <c r="G2085">
        <v>6</v>
      </c>
      <c r="H2085">
        <v>480</v>
      </c>
      <c r="I2085">
        <v>1</v>
      </c>
      <c r="J2085">
        <v>0</v>
      </c>
      <c r="K2085">
        <v>609981</v>
      </c>
      <c r="L2085">
        <v>609982</v>
      </c>
      <c r="M2085">
        <v>90</v>
      </c>
      <c r="N2085" t="s">
        <v>9</v>
      </c>
      <c r="O2085" s="1">
        <v>42600.916666666664</v>
      </c>
      <c r="P2085" s="1">
        <v>42600.916666666664</v>
      </c>
    </row>
    <row r="2086" spans="1:16" x14ac:dyDescent="0.4">
      <c r="A2086">
        <v>3058</v>
      </c>
      <c r="B2086">
        <v>138240</v>
      </c>
      <c r="C2086" s="1">
        <v>42600</v>
      </c>
      <c r="D2086">
        <v>194</v>
      </c>
      <c r="E2086">
        <v>224</v>
      </c>
      <c r="F2086" t="s">
        <v>139</v>
      </c>
      <c r="G2086">
        <v>6</v>
      </c>
      <c r="H2086">
        <v>480</v>
      </c>
      <c r="I2086">
        <v>1</v>
      </c>
      <c r="J2086">
        <v>0</v>
      </c>
      <c r="K2086">
        <v>609983</v>
      </c>
      <c r="L2086">
        <v>609984</v>
      </c>
      <c r="M2086">
        <v>90</v>
      </c>
      <c r="N2086" t="s">
        <v>9</v>
      </c>
      <c r="O2086" s="1">
        <v>42600.916666666664</v>
      </c>
      <c r="P2086" s="1">
        <v>42600.916666666664</v>
      </c>
    </row>
    <row r="2087" spans="1:16" x14ac:dyDescent="0.4">
      <c r="A2087">
        <v>3059</v>
      </c>
      <c r="B2087">
        <v>138241</v>
      </c>
      <c r="C2087" s="1">
        <v>42600</v>
      </c>
      <c r="D2087">
        <v>186</v>
      </c>
      <c r="E2087">
        <v>225</v>
      </c>
      <c r="F2087" t="s">
        <v>34</v>
      </c>
      <c r="G2087">
        <v>17</v>
      </c>
      <c r="H2087">
        <v>350</v>
      </c>
      <c r="I2087">
        <v>1</v>
      </c>
      <c r="J2087">
        <v>0</v>
      </c>
      <c r="K2087">
        <v>610006</v>
      </c>
      <c r="L2087">
        <v>610007</v>
      </c>
      <c r="M2087">
        <v>74</v>
      </c>
      <c r="N2087" t="s">
        <v>56</v>
      </c>
      <c r="O2087" s="1">
        <v>42600.929861111108</v>
      </c>
      <c r="P2087" s="1">
        <v>42600.936805555553</v>
      </c>
    </row>
    <row r="2088" spans="1:16" x14ac:dyDescent="0.4">
      <c r="A2088">
        <v>3060</v>
      </c>
      <c r="B2088">
        <v>138335</v>
      </c>
      <c r="C2088" s="1">
        <v>42601</v>
      </c>
      <c r="D2088">
        <v>88</v>
      </c>
      <c r="E2088">
        <v>69</v>
      </c>
      <c r="F2088" t="s">
        <v>55</v>
      </c>
      <c r="G2088">
        <v>17</v>
      </c>
      <c r="H2088">
        <v>400</v>
      </c>
      <c r="I2088">
        <v>1</v>
      </c>
      <c r="J2088">
        <v>0</v>
      </c>
      <c r="K2088">
        <v>610423</v>
      </c>
      <c r="L2088">
        <v>610424</v>
      </c>
      <c r="M2088">
        <v>1</v>
      </c>
      <c r="N2088" t="s">
        <v>12</v>
      </c>
      <c r="O2088" s="1">
        <v>42601.90902777778</v>
      </c>
      <c r="P2088" s="1">
        <v>42601.90902777778</v>
      </c>
    </row>
    <row r="2089" spans="1:16" x14ac:dyDescent="0.4">
      <c r="A2089">
        <v>3061</v>
      </c>
      <c r="B2089">
        <v>138335</v>
      </c>
      <c r="C2089" s="1">
        <v>42601</v>
      </c>
      <c r="D2089">
        <v>90</v>
      </c>
      <c r="E2089">
        <v>71</v>
      </c>
      <c r="F2089" t="s">
        <v>91</v>
      </c>
      <c r="G2089">
        <v>17</v>
      </c>
      <c r="H2089">
        <v>400</v>
      </c>
      <c r="I2089">
        <v>1</v>
      </c>
      <c r="J2089">
        <v>0</v>
      </c>
      <c r="K2089">
        <v>610425</v>
      </c>
      <c r="L2089">
        <v>610426</v>
      </c>
      <c r="M2089">
        <v>1</v>
      </c>
      <c r="N2089" t="s">
        <v>12</v>
      </c>
      <c r="O2089" s="1">
        <v>42601.90902777778</v>
      </c>
      <c r="P2089" s="1">
        <v>42601.90902777778</v>
      </c>
    </row>
    <row r="2090" spans="1:16" x14ac:dyDescent="0.4">
      <c r="A2090">
        <v>3062</v>
      </c>
      <c r="B2090">
        <v>138335</v>
      </c>
      <c r="C2090" s="1">
        <v>42601</v>
      </c>
      <c r="D2090">
        <v>186</v>
      </c>
      <c r="E2090">
        <v>225</v>
      </c>
      <c r="F2090" t="s">
        <v>34</v>
      </c>
      <c r="G2090">
        <v>17</v>
      </c>
      <c r="H2090">
        <v>350</v>
      </c>
      <c r="I2090">
        <v>1</v>
      </c>
      <c r="J2090">
        <v>0</v>
      </c>
      <c r="K2090">
        <v>610427</v>
      </c>
      <c r="L2090">
        <v>610428</v>
      </c>
      <c r="M2090">
        <v>1</v>
      </c>
      <c r="N2090" t="s">
        <v>12</v>
      </c>
      <c r="O2090" s="1">
        <v>42601.90902777778</v>
      </c>
      <c r="P2090" s="1">
        <v>42601.90902777778</v>
      </c>
    </row>
    <row r="2091" spans="1:16" x14ac:dyDescent="0.4">
      <c r="A2091">
        <v>3063</v>
      </c>
      <c r="B2091">
        <v>138335</v>
      </c>
      <c r="C2091" s="1">
        <v>42601</v>
      </c>
      <c r="D2091">
        <v>213</v>
      </c>
      <c r="E2091">
        <v>211</v>
      </c>
      <c r="F2091" t="s">
        <v>46</v>
      </c>
      <c r="G2091">
        <v>17</v>
      </c>
      <c r="H2091">
        <v>0</v>
      </c>
      <c r="I2091">
        <v>2</v>
      </c>
      <c r="J2091">
        <v>0</v>
      </c>
      <c r="K2091">
        <v>610429</v>
      </c>
      <c r="L2091">
        <v>610430</v>
      </c>
      <c r="M2091">
        <v>1</v>
      </c>
      <c r="N2091" t="s">
        <v>12</v>
      </c>
      <c r="O2091" s="1">
        <v>42601.90902777778</v>
      </c>
      <c r="P2091" s="1">
        <v>42601.90902777778</v>
      </c>
    </row>
    <row r="2092" spans="1:16" x14ac:dyDescent="0.4">
      <c r="A2092">
        <v>3064</v>
      </c>
      <c r="B2092">
        <v>138379</v>
      </c>
      <c r="C2092" s="1">
        <v>42602</v>
      </c>
      <c r="D2092">
        <v>125</v>
      </c>
      <c r="E2092">
        <v>126</v>
      </c>
      <c r="F2092" t="s">
        <v>8</v>
      </c>
      <c r="G2092">
        <v>12</v>
      </c>
      <c r="H2092">
        <v>380</v>
      </c>
      <c r="I2092">
        <v>1</v>
      </c>
      <c r="J2092">
        <v>0</v>
      </c>
      <c r="K2092">
        <v>610648</v>
      </c>
      <c r="L2092">
        <v>610649</v>
      </c>
      <c r="M2092">
        <v>93</v>
      </c>
      <c r="N2092" t="s">
        <v>15</v>
      </c>
      <c r="O2092" s="1">
        <v>42602.565972222219</v>
      </c>
      <c r="P2092" s="1">
        <v>42602.571527777778</v>
      </c>
    </row>
    <row r="2093" spans="1:16" x14ac:dyDescent="0.4">
      <c r="A2093">
        <v>3065</v>
      </c>
      <c r="B2093">
        <v>138525</v>
      </c>
      <c r="C2093" s="1">
        <v>42603</v>
      </c>
      <c r="D2093">
        <v>90</v>
      </c>
      <c r="E2093">
        <v>71</v>
      </c>
      <c r="F2093" t="s">
        <v>91</v>
      </c>
      <c r="G2093">
        <v>7</v>
      </c>
      <c r="H2093">
        <v>400</v>
      </c>
      <c r="I2093">
        <v>1</v>
      </c>
      <c r="J2093">
        <v>0</v>
      </c>
      <c r="K2093">
        <v>611328</v>
      </c>
      <c r="L2093">
        <v>611329</v>
      </c>
      <c r="M2093">
        <v>29</v>
      </c>
      <c r="O2093" s="1">
        <v>42604.030555555553</v>
      </c>
      <c r="P2093" s="1">
        <v>42604.031944444447</v>
      </c>
    </row>
    <row r="2094" spans="1:16" x14ac:dyDescent="0.4">
      <c r="A2094">
        <v>3066</v>
      </c>
      <c r="B2094">
        <v>138525</v>
      </c>
      <c r="C2094" s="1">
        <v>42603</v>
      </c>
      <c r="D2094">
        <v>85</v>
      </c>
      <c r="E2094">
        <v>66</v>
      </c>
      <c r="F2094" t="s">
        <v>88</v>
      </c>
      <c r="G2094">
        <v>7</v>
      </c>
      <c r="H2094">
        <v>400</v>
      </c>
      <c r="I2094">
        <v>2</v>
      </c>
      <c r="J2094">
        <v>0</v>
      </c>
      <c r="K2094">
        <v>611330</v>
      </c>
      <c r="L2094">
        <v>611331</v>
      </c>
      <c r="M2094">
        <v>29</v>
      </c>
      <c r="O2094" s="1">
        <v>42604.030555555553</v>
      </c>
      <c r="P2094" s="1">
        <v>42604.031944444447</v>
      </c>
    </row>
    <row r="2095" spans="1:16" x14ac:dyDescent="0.4">
      <c r="A2095">
        <v>3067</v>
      </c>
      <c r="B2095">
        <v>138575</v>
      </c>
      <c r="C2095" s="1">
        <v>42604</v>
      </c>
      <c r="D2095">
        <v>213</v>
      </c>
      <c r="E2095">
        <v>211</v>
      </c>
      <c r="F2095" t="s">
        <v>46</v>
      </c>
      <c r="G2095">
        <v>1</v>
      </c>
      <c r="H2095">
        <v>0</v>
      </c>
      <c r="I2095">
        <v>1</v>
      </c>
      <c r="J2095">
        <v>0</v>
      </c>
      <c r="K2095">
        <v>611512</v>
      </c>
      <c r="L2095">
        <v>611513</v>
      </c>
      <c r="M2095">
        <v>1</v>
      </c>
      <c r="N2095" t="s">
        <v>12</v>
      </c>
      <c r="O2095" s="1">
        <v>42604.949305555558</v>
      </c>
      <c r="P2095" s="1">
        <v>42604.952777777777</v>
      </c>
    </row>
    <row r="2096" spans="1:16" x14ac:dyDescent="0.4">
      <c r="A2096">
        <v>3068</v>
      </c>
      <c r="B2096">
        <v>138700</v>
      </c>
      <c r="C2096" s="1">
        <v>42606</v>
      </c>
      <c r="D2096">
        <v>122</v>
      </c>
      <c r="E2096">
        <v>142</v>
      </c>
      <c r="F2096" t="s">
        <v>25</v>
      </c>
      <c r="G2096">
        <v>6</v>
      </c>
      <c r="H2096">
        <v>350</v>
      </c>
      <c r="I2096">
        <v>1</v>
      </c>
      <c r="J2096">
        <v>0</v>
      </c>
      <c r="K2096">
        <v>611944</v>
      </c>
      <c r="L2096">
        <v>611945</v>
      </c>
      <c r="M2096">
        <v>98</v>
      </c>
      <c r="N2096" t="s">
        <v>14</v>
      </c>
      <c r="O2096" s="1">
        <v>42606.768055555556</v>
      </c>
      <c r="P2096" s="1">
        <v>42606.770833333336</v>
      </c>
    </row>
    <row r="2097" spans="1:16" x14ac:dyDescent="0.4">
      <c r="A2097">
        <v>3069</v>
      </c>
      <c r="B2097">
        <v>138968</v>
      </c>
      <c r="C2097" s="1">
        <v>42609</v>
      </c>
      <c r="D2097">
        <v>125</v>
      </c>
      <c r="E2097">
        <v>126</v>
      </c>
      <c r="F2097" t="s">
        <v>8</v>
      </c>
      <c r="G2097">
        <v>1</v>
      </c>
      <c r="H2097">
        <v>380</v>
      </c>
      <c r="I2097">
        <v>1</v>
      </c>
      <c r="J2097">
        <v>0</v>
      </c>
      <c r="K2097">
        <v>613102</v>
      </c>
      <c r="L2097">
        <v>613103</v>
      </c>
      <c r="M2097">
        <v>1</v>
      </c>
      <c r="N2097" t="s">
        <v>12</v>
      </c>
      <c r="O2097" s="1">
        <v>42609.873611111114</v>
      </c>
      <c r="P2097" s="1">
        <v>42609.873611111114</v>
      </c>
    </row>
    <row r="2098" spans="1:16" x14ac:dyDescent="0.4">
      <c r="A2098">
        <v>3070</v>
      </c>
      <c r="B2098">
        <v>139108</v>
      </c>
      <c r="C2098" s="1">
        <v>42611</v>
      </c>
      <c r="D2098">
        <v>304</v>
      </c>
      <c r="E2098">
        <v>3126</v>
      </c>
      <c r="F2098" t="s">
        <v>176</v>
      </c>
      <c r="G2098">
        <v>10</v>
      </c>
      <c r="H2098">
        <v>0</v>
      </c>
      <c r="I2098">
        <v>1</v>
      </c>
      <c r="J2098">
        <v>0</v>
      </c>
      <c r="K2098">
        <v>613809</v>
      </c>
      <c r="L2098">
        <v>613810</v>
      </c>
      <c r="M2098">
        <v>29</v>
      </c>
      <c r="O2098" s="1">
        <v>42611.602777777778</v>
      </c>
      <c r="P2098" s="1">
        <v>42611.690972222219</v>
      </c>
    </row>
    <row r="2099" spans="1:16" x14ac:dyDescent="0.4">
      <c r="A2099">
        <v>3071</v>
      </c>
      <c r="B2099">
        <v>139108</v>
      </c>
      <c r="C2099" s="1">
        <v>42611</v>
      </c>
      <c r="D2099">
        <v>125</v>
      </c>
      <c r="E2099">
        <v>126</v>
      </c>
      <c r="F2099" t="s">
        <v>8</v>
      </c>
      <c r="G2099">
        <v>10</v>
      </c>
      <c r="H2099">
        <v>380</v>
      </c>
      <c r="I2099">
        <v>1</v>
      </c>
      <c r="J2099">
        <v>0</v>
      </c>
      <c r="K2099">
        <v>613811</v>
      </c>
      <c r="L2099">
        <v>613812</v>
      </c>
      <c r="M2099">
        <v>29</v>
      </c>
      <c r="O2099" s="1">
        <v>42611.595138888886</v>
      </c>
      <c r="P2099" s="1">
        <v>42611.690972222219</v>
      </c>
    </row>
    <row r="2100" spans="1:16" x14ac:dyDescent="0.4">
      <c r="A2100">
        <v>3072</v>
      </c>
      <c r="B2100">
        <v>139228</v>
      </c>
      <c r="C2100" s="1">
        <v>42612</v>
      </c>
      <c r="D2100">
        <v>125</v>
      </c>
      <c r="E2100">
        <v>126</v>
      </c>
      <c r="F2100" t="s">
        <v>8</v>
      </c>
      <c r="G2100">
        <v>3</v>
      </c>
      <c r="H2100">
        <v>380</v>
      </c>
      <c r="I2100">
        <v>1</v>
      </c>
      <c r="J2100">
        <v>0</v>
      </c>
      <c r="K2100">
        <v>614222</v>
      </c>
      <c r="L2100">
        <v>614223</v>
      </c>
      <c r="M2100">
        <v>90</v>
      </c>
      <c r="N2100" t="s">
        <v>9</v>
      </c>
      <c r="O2100" s="1">
        <v>42613.042361111111</v>
      </c>
      <c r="P2100" s="1">
        <v>42613.04583333333</v>
      </c>
    </row>
    <row r="2101" spans="1:16" x14ac:dyDescent="0.4">
      <c r="A2101">
        <v>3073</v>
      </c>
      <c r="B2101">
        <v>139281</v>
      </c>
      <c r="C2101" s="1">
        <v>42613</v>
      </c>
      <c r="D2101">
        <v>213</v>
      </c>
      <c r="E2101">
        <v>211</v>
      </c>
      <c r="F2101" t="s">
        <v>46</v>
      </c>
      <c r="G2101">
        <v>11</v>
      </c>
      <c r="H2101">
        <v>0</v>
      </c>
      <c r="I2101">
        <v>1</v>
      </c>
      <c r="J2101">
        <v>0</v>
      </c>
      <c r="K2101">
        <v>614485</v>
      </c>
      <c r="L2101">
        <v>614486</v>
      </c>
      <c r="M2101">
        <v>101</v>
      </c>
      <c r="N2101" t="s">
        <v>306</v>
      </c>
      <c r="O2101" s="1">
        <v>42613.920138888891</v>
      </c>
      <c r="P2101" s="1">
        <v>42613.929861111108</v>
      </c>
    </row>
    <row r="2102" spans="1:16" x14ac:dyDescent="0.4">
      <c r="A2102">
        <v>3074</v>
      </c>
      <c r="B2102">
        <v>139475</v>
      </c>
      <c r="C2102" s="1">
        <v>42616</v>
      </c>
      <c r="D2102">
        <v>148</v>
      </c>
      <c r="E2102">
        <v>124</v>
      </c>
      <c r="F2102" t="s">
        <v>35</v>
      </c>
      <c r="G2102">
        <v>4</v>
      </c>
      <c r="H2102">
        <v>450</v>
      </c>
      <c r="I2102">
        <v>1</v>
      </c>
      <c r="J2102">
        <v>0</v>
      </c>
      <c r="K2102">
        <v>615290</v>
      </c>
      <c r="L2102">
        <v>615291</v>
      </c>
      <c r="M2102">
        <v>96</v>
      </c>
      <c r="N2102" t="s">
        <v>7</v>
      </c>
      <c r="O2102" s="1">
        <v>42616.593055555553</v>
      </c>
      <c r="P2102" s="1">
        <v>42616.604861111111</v>
      </c>
    </row>
    <row r="2103" spans="1:16" x14ac:dyDescent="0.4">
      <c r="A2103">
        <v>3075</v>
      </c>
      <c r="B2103">
        <v>139480</v>
      </c>
      <c r="C2103" s="1">
        <v>42616</v>
      </c>
      <c r="D2103">
        <v>125</v>
      </c>
      <c r="E2103">
        <v>126</v>
      </c>
      <c r="F2103" t="s">
        <v>8</v>
      </c>
      <c r="G2103">
        <v>3</v>
      </c>
      <c r="H2103">
        <v>380</v>
      </c>
      <c r="I2103">
        <v>1</v>
      </c>
      <c r="J2103">
        <v>0</v>
      </c>
      <c r="K2103">
        <v>615328</v>
      </c>
      <c r="L2103">
        <v>615329</v>
      </c>
      <c r="M2103">
        <v>96</v>
      </c>
      <c r="N2103" t="s">
        <v>7</v>
      </c>
      <c r="O2103" s="1">
        <v>42616.604861111111</v>
      </c>
      <c r="P2103" s="1">
        <v>42616.710416666669</v>
      </c>
    </row>
    <row r="2104" spans="1:16" x14ac:dyDescent="0.4">
      <c r="A2104">
        <v>3076</v>
      </c>
      <c r="B2104">
        <v>139520</v>
      </c>
      <c r="C2104" s="1">
        <v>42616</v>
      </c>
      <c r="D2104">
        <v>90</v>
      </c>
      <c r="E2104">
        <v>71</v>
      </c>
      <c r="F2104" t="s">
        <v>91</v>
      </c>
      <c r="G2104">
        <v>4</v>
      </c>
      <c r="H2104">
        <v>400</v>
      </c>
      <c r="I2104">
        <v>3</v>
      </c>
      <c r="J2104">
        <v>0</v>
      </c>
      <c r="K2104">
        <v>615530</v>
      </c>
      <c r="L2104">
        <v>615531</v>
      </c>
      <c r="M2104">
        <v>1</v>
      </c>
      <c r="N2104" t="s">
        <v>12</v>
      </c>
      <c r="O2104" s="1">
        <v>42616.95208333333</v>
      </c>
      <c r="P2104" s="1">
        <v>42616.959027777775</v>
      </c>
    </row>
    <row r="2105" spans="1:16" x14ac:dyDescent="0.4">
      <c r="A2105">
        <v>3077</v>
      </c>
      <c r="B2105">
        <v>139520</v>
      </c>
      <c r="C2105" s="1">
        <v>42616</v>
      </c>
      <c r="D2105">
        <v>57</v>
      </c>
      <c r="E2105">
        <v>30</v>
      </c>
      <c r="F2105" t="s">
        <v>60</v>
      </c>
      <c r="G2105">
        <v>4</v>
      </c>
      <c r="H2105">
        <v>320</v>
      </c>
      <c r="I2105">
        <v>1</v>
      </c>
      <c r="J2105">
        <v>0</v>
      </c>
      <c r="K2105">
        <v>615532</v>
      </c>
      <c r="L2105">
        <v>615533</v>
      </c>
      <c r="M2105">
        <v>1</v>
      </c>
      <c r="N2105" t="s">
        <v>12</v>
      </c>
      <c r="O2105" s="1">
        <v>42616.95208333333</v>
      </c>
      <c r="P2105" s="1">
        <v>42616.959027777775</v>
      </c>
    </row>
    <row r="2106" spans="1:16" x14ac:dyDescent="0.4">
      <c r="A2106">
        <v>3078</v>
      </c>
      <c r="B2106">
        <v>139520</v>
      </c>
      <c r="C2106" s="1">
        <v>42616</v>
      </c>
      <c r="D2106">
        <v>69</v>
      </c>
      <c r="E2106">
        <v>50</v>
      </c>
      <c r="F2106" t="s">
        <v>18</v>
      </c>
      <c r="G2106">
        <v>4</v>
      </c>
      <c r="H2106">
        <v>480</v>
      </c>
      <c r="I2106">
        <v>1</v>
      </c>
      <c r="J2106">
        <v>0</v>
      </c>
      <c r="K2106">
        <v>615534</v>
      </c>
      <c r="L2106">
        <v>615535</v>
      </c>
      <c r="M2106">
        <v>1</v>
      </c>
      <c r="N2106" t="s">
        <v>12</v>
      </c>
      <c r="O2106" s="1">
        <v>42616.95208333333</v>
      </c>
      <c r="P2106" s="1">
        <v>42616.959027777775</v>
      </c>
    </row>
    <row r="2107" spans="1:16" x14ac:dyDescent="0.4">
      <c r="A2107">
        <v>3079</v>
      </c>
      <c r="B2107">
        <v>139520</v>
      </c>
      <c r="C2107" s="1">
        <v>42616</v>
      </c>
      <c r="D2107">
        <v>69</v>
      </c>
      <c r="E2107">
        <v>50</v>
      </c>
      <c r="F2107" t="s">
        <v>18</v>
      </c>
      <c r="G2107">
        <v>4</v>
      </c>
      <c r="H2107">
        <v>480</v>
      </c>
      <c r="I2107">
        <v>1</v>
      </c>
      <c r="J2107">
        <v>0</v>
      </c>
      <c r="K2107">
        <v>615536</v>
      </c>
      <c r="L2107">
        <v>615537</v>
      </c>
      <c r="M2107">
        <v>1</v>
      </c>
      <c r="N2107" t="s">
        <v>12</v>
      </c>
      <c r="O2107" s="1">
        <v>42616.957638888889</v>
      </c>
      <c r="P2107" s="1">
        <v>42616.959027777775</v>
      </c>
    </row>
    <row r="2108" spans="1:16" x14ac:dyDescent="0.4">
      <c r="A2108">
        <v>3080</v>
      </c>
      <c r="B2108">
        <v>139520</v>
      </c>
      <c r="C2108" s="1">
        <v>42616</v>
      </c>
      <c r="D2108">
        <v>57</v>
      </c>
      <c r="E2108">
        <v>30</v>
      </c>
      <c r="F2108" t="s">
        <v>60</v>
      </c>
      <c r="G2108">
        <v>4</v>
      </c>
      <c r="H2108">
        <v>320</v>
      </c>
      <c r="I2108">
        <v>1</v>
      </c>
      <c r="J2108">
        <v>0</v>
      </c>
      <c r="K2108">
        <v>615538</v>
      </c>
      <c r="L2108">
        <v>615539</v>
      </c>
      <c r="M2108">
        <v>1</v>
      </c>
      <c r="N2108" t="s">
        <v>12</v>
      </c>
      <c r="O2108" s="1">
        <v>42616.957638888889</v>
      </c>
      <c r="P2108" s="1">
        <v>42616.959722222222</v>
      </c>
    </row>
    <row r="2109" spans="1:16" x14ac:dyDescent="0.4">
      <c r="A2109">
        <v>3081</v>
      </c>
      <c r="B2109">
        <v>139520</v>
      </c>
      <c r="C2109" s="1">
        <v>42616</v>
      </c>
      <c r="D2109">
        <v>90</v>
      </c>
      <c r="E2109">
        <v>71</v>
      </c>
      <c r="F2109" t="s">
        <v>91</v>
      </c>
      <c r="G2109">
        <v>4</v>
      </c>
      <c r="H2109">
        <v>400</v>
      </c>
      <c r="I2109">
        <v>1</v>
      </c>
      <c r="J2109">
        <v>0</v>
      </c>
      <c r="K2109">
        <v>615540</v>
      </c>
      <c r="L2109">
        <v>615541</v>
      </c>
      <c r="M2109">
        <v>1</v>
      </c>
      <c r="N2109" t="s">
        <v>12</v>
      </c>
      <c r="O2109" s="1">
        <v>42616.957638888889</v>
      </c>
      <c r="P2109" s="1">
        <v>42616.959722222222</v>
      </c>
    </row>
    <row r="2110" spans="1:16" x14ac:dyDescent="0.4">
      <c r="A2110">
        <v>3082</v>
      </c>
      <c r="B2110">
        <v>139522</v>
      </c>
      <c r="C2110" s="1">
        <v>42616</v>
      </c>
      <c r="D2110">
        <v>57</v>
      </c>
      <c r="E2110">
        <v>30</v>
      </c>
      <c r="F2110" t="s">
        <v>60</v>
      </c>
      <c r="G2110">
        <v>3</v>
      </c>
      <c r="H2110">
        <v>320</v>
      </c>
      <c r="I2110">
        <v>1</v>
      </c>
      <c r="J2110">
        <v>0</v>
      </c>
      <c r="K2110">
        <v>615564</v>
      </c>
      <c r="L2110">
        <v>615565</v>
      </c>
      <c r="M2110">
        <v>1</v>
      </c>
      <c r="N2110" t="s">
        <v>12</v>
      </c>
      <c r="O2110" s="1">
        <v>42616.989583333336</v>
      </c>
      <c r="P2110" s="1">
        <v>42616.989583333336</v>
      </c>
    </row>
    <row r="2111" spans="1:16" x14ac:dyDescent="0.4">
      <c r="A2111">
        <v>3083</v>
      </c>
      <c r="B2111">
        <v>139522</v>
      </c>
      <c r="C2111" s="1">
        <v>42616</v>
      </c>
      <c r="D2111">
        <v>205</v>
      </c>
      <c r="E2111">
        <v>400</v>
      </c>
      <c r="F2111" t="s">
        <v>125</v>
      </c>
      <c r="G2111">
        <v>3</v>
      </c>
      <c r="H2111">
        <v>320</v>
      </c>
      <c r="I2111">
        <v>1</v>
      </c>
      <c r="J2111">
        <v>0</v>
      </c>
      <c r="K2111">
        <v>615566</v>
      </c>
      <c r="L2111">
        <v>615567</v>
      </c>
      <c r="M2111">
        <v>1</v>
      </c>
      <c r="N2111" t="s">
        <v>12</v>
      </c>
      <c r="O2111" s="1">
        <v>42616.989583333336</v>
      </c>
      <c r="P2111" s="1">
        <v>42616.989583333336</v>
      </c>
    </row>
    <row r="2112" spans="1:16" x14ac:dyDescent="0.4">
      <c r="A2112">
        <v>3084</v>
      </c>
      <c r="B2112">
        <v>139527</v>
      </c>
      <c r="C2112" s="1">
        <v>42616</v>
      </c>
      <c r="D2112">
        <v>284</v>
      </c>
      <c r="E2112">
        <v>380</v>
      </c>
      <c r="F2112" t="s">
        <v>300</v>
      </c>
      <c r="G2112">
        <v>11</v>
      </c>
      <c r="H2112">
        <v>450</v>
      </c>
      <c r="I2112">
        <v>1</v>
      </c>
      <c r="J2112">
        <v>0</v>
      </c>
      <c r="K2112">
        <v>615616</v>
      </c>
      <c r="L2112">
        <v>615617</v>
      </c>
      <c r="M2112">
        <v>98</v>
      </c>
      <c r="N2112" t="s">
        <v>14</v>
      </c>
      <c r="O2112" s="1">
        <v>42617.012499999997</v>
      </c>
      <c r="P2112" s="1">
        <v>42617.036805555559</v>
      </c>
    </row>
    <row r="2113" spans="1:16" x14ac:dyDescent="0.4">
      <c r="A2113">
        <v>3085</v>
      </c>
      <c r="B2113">
        <v>139582</v>
      </c>
      <c r="C2113" s="1">
        <v>42617</v>
      </c>
      <c r="D2113">
        <v>125</v>
      </c>
      <c r="E2113">
        <v>126</v>
      </c>
      <c r="F2113" t="s">
        <v>8</v>
      </c>
      <c r="G2113">
        <v>9</v>
      </c>
      <c r="H2113">
        <v>380</v>
      </c>
      <c r="I2113">
        <v>1</v>
      </c>
      <c r="J2113">
        <v>0</v>
      </c>
      <c r="K2113">
        <v>615845</v>
      </c>
      <c r="L2113">
        <v>615846</v>
      </c>
      <c r="M2113">
        <v>102</v>
      </c>
      <c r="N2113" t="s">
        <v>27</v>
      </c>
      <c r="O2113" s="1">
        <v>42617.747916666667</v>
      </c>
      <c r="P2113" s="1">
        <v>42617.753472222219</v>
      </c>
    </row>
    <row r="2114" spans="1:16" x14ac:dyDescent="0.4">
      <c r="A2114">
        <v>3086</v>
      </c>
      <c r="B2114">
        <v>139705</v>
      </c>
      <c r="C2114" s="1">
        <v>42619</v>
      </c>
      <c r="D2114">
        <v>125</v>
      </c>
      <c r="E2114">
        <v>126</v>
      </c>
      <c r="F2114" t="s">
        <v>8</v>
      </c>
      <c r="G2114">
        <v>1</v>
      </c>
      <c r="H2114">
        <v>380</v>
      </c>
      <c r="I2114">
        <v>1</v>
      </c>
      <c r="J2114">
        <v>0</v>
      </c>
      <c r="K2114">
        <v>616361</v>
      </c>
      <c r="L2114">
        <v>616362</v>
      </c>
      <c r="M2114">
        <v>93</v>
      </c>
      <c r="N2114" t="s">
        <v>15</v>
      </c>
      <c r="O2114" s="1">
        <v>42619.831944444442</v>
      </c>
      <c r="P2114" s="1">
        <v>42619.831944444442</v>
      </c>
    </row>
    <row r="2115" spans="1:16" x14ac:dyDescent="0.4">
      <c r="A2115">
        <v>3087</v>
      </c>
      <c r="B2115">
        <v>139718</v>
      </c>
      <c r="C2115" s="1">
        <v>42619</v>
      </c>
      <c r="D2115">
        <v>144</v>
      </c>
      <c r="E2115">
        <v>130</v>
      </c>
      <c r="F2115" t="s">
        <v>42</v>
      </c>
      <c r="G2115">
        <v>4</v>
      </c>
      <c r="H2115">
        <v>200</v>
      </c>
      <c r="I2115">
        <v>1</v>
      </c>
      <c r="J2115">
        <v>0</v>
      </c>
      <c r="K2115">
        <v>616476</v>
      </c>
      <c r="L2115">
        <v>616477</v>
      </c>
      <c r="M2115">
        <v>99</v>
      </c>
      <c r="N2115" t="s">
        <v>308</v>
      </c>
      <c r="O2115" s="1">
        <v>42620.07708333333</v>
      </c>
      <c r="P2115" s="1">
        <v>42620.175694444442</v>
      </c>
    </row>
    <row r="2116" spans="1:16" x14ac:dyDescent="0.4">
      <c r="A2116">
        <v>3088</v>
      </c>
      <c r="B2116">
        <v>139718</v>
      </c>
      <c r="C2116" s="1">
        <v>42619</v>
      </c>
      <c r="D2116">
        <v>170</v>
      </c>
      <c r="E2116">
        <v>303</v>
      </c>
      <c r="F2116" t="s">
        <v>110</v>
      </c>
      <c r="G2116">
        <v>4</v>
      </c>
      <c r="H2116">
        <v>480</v>
      </c>
      <c r="I2116">
        <v>1</v>
      </c>
      <c r="J2116">
        <v>0</v>
      </c>
      <c r="K2116">
        <v>616478</v>
      </c>
      <c r="L2116">
        <v>616479</v>
      </c>
      <c r="M2116">
        <v>99</v>
      </c>
      <c r="N2116" t="s">
        <v>308</v>
      </c>
      <c r="O2116" s="1">
        <v>42620.07708333333</v>
      </c>
      <c r="P2116" s="1">
        <v>42620.175694444442</v>
      </c>
    </row>
    <row r="2117" spans="1:16" x14ac:dyDescent="0.4">
      <c r="A2117">
        <v>3089</v>
      </c>
      <c r="B2117">
        <v>139739</v>
      </c>
      <c r="C2117" s="1">
        <v>42620</v>
      </c>
      <c r="D2117">
        <v>125</v>
      </c>
      <c r="E2117">
        <v>126</v>
      </c>
      <c r="F2117" t="s">
        <v>8</v>
      </c>
      <c r="G2117">
        <v>16</v>
      </c>
      <c r="H2117">
        <v>380</v>
      </c>
      <c r="I2117">
        <v>1</v>
      </c>
      <c r="J2117">
        <v>0</v>
      </c>
      <c r="K2117">
        <v>616511</v>
      </c>
      <c r="L2117">
        <v>616512</v>
      </c>
      <c r="M2117">
        <v>96</v>
      </c>
      <c r="N2117" t="s">
        <v>7</v>
      </c>
      <c r="O2117" s="1">
        <v>42620.479861111111</v>
      </c>
      <c r="P2117" s="1">
        <v>42620.480555555558</v>
      </c>
    </row>
    <row r="2118" spans="1:16" x14ac:dyDescent="0.4">
      <c r="A2118">
        <v>3090</v>
      </c>
      <c r="B2118">
        <v>139754</v>
      </c>
      <c r="C2118" s="1">
        <v>42620</v>
      </c>
      <c r="D2118">
        <v>125</v>
      </c>
      <c r="E2118">
        <v>126</v>
      </c>
      <c r="F2118" t="s">
        <v>8</v>
      </c>
      <c r="G2118">
        <v>3</v>
      </c>
      <c r="H2118">
        <v>380</v>
      </c>
      <c r="I2118">
        <v>1</v>
      </c>
      <c r="J2118">
        <v>0</v>
      </c>
      <c r="K2118">
        <v>616583</v>
      </c>
      <c r="L2118">
        <v>616584</v>
      </c>
      <c r="M2118">
        <v>96</v>
      </c>
      <c r="N2118" t="s">
        <v>7</v>
      </c>
      <c r="O2118" s="1">
        <v>42620.748611111114</v>
      </c>
      <c r="P2118" s="1">
        <v>42620.748611111114</v>
      </c>
    </row>
    <row r="2119" spans="1:16" x14ac:dyDescent="0.4">
      <c r="A2119">
        <v>3091</v>
      </c>
      <c r="B2119">
        <v>139883</v>
      </c>
      <c r="C2119" s="1">
        <v>42622</v>
      </c>
      <c r="D2119">
        <v>213</v>
      </c>
      <c r="E2119">
        <v>211</v>
      </c>
      <c r="F2119" t="s">
        <v>46</v>
      </c>
      <c r="G2119">
        <v>8</v>
      </c>
      <c r="H2119">
        <v>0</v>
      </c>
      <c r="I2119">
        <v>1</v>
      </c>
      <c r="J2119">
        <v>0</v>
      </c>
      <c r="K2119">
        <v>617116</v>
      </c>
      <c r="L2119">
        <v>617117</v>
      </c>
      <c r="M2119">
        <v>97</v>
      </c>
      <c r="N2119" t="s">
        <v>17</v>
      </c>
      <c r="O2119" s="1">
        <v>42622.746527777781</v>
      </c>
      <c r="P2119" s="1">
        <v>42622.74722222222</v>
      </c>
    </row>
    <row r="2120" spans="1:16" x14ac:dyDescent="0.4">
      <c r="A2120">
        <v>3092</v>
      </c>
      <c r="B2120">
        <v>139937</v>
      </c>
      <c r="C2120" s="1">
        <v>42622</v>
      </c>
      <c r="D2120">
        <v>302</v>
      </c>
      <c r="E2120">
        <v>14</v>
      </c>
      <c r="F2120" t="s">
        <v>5</v>
      </c>
      <c r="G2120">
        <v>2</v>
      </c>
      <c r="H2120">
        <v>200</v>
      </c>
      <c r="I2120">
        <v>2</v>
      </c>
      <c r="J2120">
        <v>0</v>
      </c>
      <c r="K2120">
        <v>617442</v>
      </c>
      <c r="L2120">
        <v>617443</v>
      </c>
      <c r="M2120">
        <v>98</v>
      </c>
      <c r="N2120" t="s">
        <v>14</v>
      </c>
      <c r="O2120" s="1">
        <v>42623.134722222225</v>
      </c>
      <c r="P2120" s="1">
        <v>42623.245138888888</v>
      </c>
    </row>
    <row r="2121" spans="1:16" x14ac:dyDescent="0.4">
      <c r="A2121">
        <v>3093</v>
      </c>
      <c r="B2121">
        <v>139976</v>
      </c>
      <c r="C2121" s="1">
        <v>42623</v>
      </c>
      <c r="D2121">
        <v>122</v>
      </c>
      <c r="E2121">
        <v>142</v>
      </c>
      <c r="F2121" t="s">
        <v>25</v>
      </c>
      <c r="G2121">
        <v>18</v>
      </c>
      <c r="H2121">
        <v>350</v>
      </c>
      <c r="I2121">
        <v>1</v>
      </c>
      <c r="J2121">
        <v>0</v>
      </c>
      <c r="K2121">
        <v>617600</v>
      </c>
      <c r="L2121">
        <v>617601</v>
      </c>
      <c r="M2121">
        <v>100</v>
      </c>
      <c r="N2121" t="s">
        <v>1</v>
      </c>
      <c r="O2121" s="1">
        <v>42623.711111111108</v>
      </c>
      <c r="P2121" s="1">
        <v>42623.74722222222</v>
      </c>
    </row>
    <row r="2122" spans="1:16" x14ac:dyDescent="0.4">
      <c r="A2122">
        <v>3094</v>
      </c>
      <c r="B2122">
        <v>140003</v>
      </c>
      <c r="C2122" s="1">
        <v>42623</v>
      </c>
      <c r="D2122">
        <v>122</v>
      </c>
      <c r="E2122">
        <v>142</v>
      </c>
      <c r="F2122" t="s">
        <v>25</v>
      </c>
      <c r="G2122">
        <v>12</v>
      </c>
      <c r="H2122">
        <v>350</v>
      </c>
      <c r="I2122">
        <v>1</v>
      </c>
      <c r="J2122">
        <v>0</v>
      </c>
      <c r="K2122">
        <v>617697</v>
      </c>
      <c r="L2122">
        <v>617698</v>
      </c>
      <c r="M2122">
        <v>1</v>
      </c>
      <c r="N2122" t="s">
        <v>12</v>
      </c>
      <c r="O2122" s="1">
        <v>42623.897916666669</v>
      </c>
      <c r="P2122" s="1">
        <v>42623.898611111108</v>
      </c>
    </row>
    <row r="2123" spans="1:16" x14ac:dyDescent="0.4">
      <c r="A2123">
        <v>3095</v>
      </c>
      <c r="B2123">
        <v>140267</v>
      </c>
      <c r="C2123" s="1">
        <v>42627</v>
      </c>
      <c r="D2123">
        <v>213</v>
      </c>
      <c r="E2123">
        <v>211</v>
      </c>
      <c r="F2123" t="s">
        <v>46</v>
      </c>
      <c r="G2123">
        <v>20</v>
      </c>
      <c r="H2123">
        <v>0</v>
      </c>
      <c r="I2123">
        <v>2</v>
      </c>
      <c r="J2123">
        <v>0</v>
      </c>
      <c r="K2123">
        <v>618894</v>
      </c>
      <c r="L2123">
        <v>618895</v>
      </c>
      <c r="M2123">
        <v>1</v>
      </c>
      <c r="N2123" t="s">
        <v>12</v>
      </c>
      <c r="O2123" s="1">
        <v>42627.917361111111</v>
      </c>
      <c r="P2123" s="1">
        <v>42627.918749999997</v>
      </c>
    </row>
    <row r="2124" spans="1:16" x14ac:dyDescent="0.4">
      <c r="A2124">
        <v>3096</v>
      </c>
      <c r="B2124">
        <v>140378</v>
      </c>
      <c r="C2124" s="1">
        <v>42629</v>
      </c>
      <c r="D2124">
        <v>213</v>
      </c>
      <c r="E2124">
        <v>211</v>
      </c>
      <c r="F2124" t="s">
        <v>46</v>
      </c>
      <c r="G2124">
        <v>11</v>
      </c>
      <c r="H2124">
        <v>0</v>
      </c>
      <c r="I2124">
        <v>1</v>
      </c>
      <c r="J2124">
        <v>0</v>
      </c>
      <c r="K2124">
        <v>619310</v>
      </c>
      <c r="L2124">
        <v>619311</v>
      </c>
      <c r="M2124">
        <v>104</v>
      </c>
      <c r="N2124" t="s">
        <v>310</v>
      </c>
      <c r="O2124" s="1">
        <v>42629.847916666666</v>
      </c>
      <c r="P2124" s="1">
        <v>42629.849305555559</v>
      </c>
    </row>
    <row r="2125" spans="1:16" x14ac:dyDescent="0.4">
      <c r="A2125">
        <v>3097</v>
      </c>
      <c r="B2125">
        <v>140378</v>
      </c>
      <c r="C2125" s="1">
        <v>42629</v>
      </c>
      <c r="D2125">
        <v>96</v>
      </c>
      <c r="E2125">
        <v>20</v>
      </c>
      <c r="F2125" t="s">
        <v>63</v>
      </c>
      <c r="G2125">
        <v>11</v>
      </c>
      <c r="H2125">
        <v>420</v>
      </c>
      <c r="I2125">
        <v>1</v>
      </c>
      <c r="J2125">
        <v>0</v>
      </c>
      <c r="K2125">
        <v>619327</v>
      </c>
      <c r="L2125">
        <v>619328</v>
      </c>
      <c r="M2125">
        <v>1</v>
      </c>
      <c r="N2125" t="s">
        <v>12</v>
      </c>
      <c r="O2125" s="1">
        <v>42629.878472222219</v>
      </c>
      <c r="P2125" s="1">
        <v>42629.879166666666</v>
      </c>
    </row>
    <row r="2126" spans="1:16" x14ac:dyDescent="0.4">
      <c r="A2126">
        <v>3098</v>
      </c>
      <c r="B2126">
        <v>140515</v>
      </c>
      <c r="C2126" s="1">
        <v>42630</v>
      </c>
      <c r="D2126">
        <v>169</v>
      </c>
      <c r="E2126">
        <v>304</v>
      </c>
      <c r="F2126" t="s">
        <v>132</v>
      </c>
      <c r="G2126">
        <v>20</v>
      </c>
      <c r="H2126">
        <v>450</v>
      </c>
      <c r="I2126">
        <v>1</v>
      </c>
      <c r="J2126">
        <v>0</v>
      </c>
      <c r="K2126">
        <v>619992</v>
      </c>
      <c r="L2126">
        <v>619993</v>
      </c>
      <c r="M2126">
        <v>82</v>
      </c>
      <c r="N2126" t="s">
        <v>87</v>
      </c>
      <c r="O2126" s="1">
        <v>42631.151388888888</v>
      </c>
      <c r="P2126" s="1">
        <v>42631.207638888889</v>
      </c>
    </row>
    <row r="2127" spans="1:16" x14ac:dyDescent="0.4">
      <c r="A2127">
        <v>3099</v>
      </c>
      <c r="B2127">
        <v>140515</v>
      </c>
      <c r="C2127" s="1">
        <v>42630</v>
      </c>
      <c r="D2127">
        <v>169</v>
      </c>
      <c r="E2127">
        <v>304</v>
      </c>
      <c r="F2127" t="s">
        <v>132</v>
      </c>
      <c r="G2127">
        <v>20</v>
      </c>
      <c r="H2127">
        <v>450</v>
      </c>
      <c r="I2127">
        <v>1</v>
      </c>
      <c r="J2127">
        <v>0</v>
      </c>
      <c r="K2127">
        <v>619994</v>
      </c>
      <c r="L2127">
        <v>619995</v>
      </c>
      <c r="M2127">
        <v>82</v>
      </c>
      <c r="N2127" t="s">
        <v>87</v>
      </c>
      <c r="O2127" s="1">
        <v>42631.151388888888</v>
      </c>
      <c r="P2127" s="1">
        <v>42631.207638888889</v>
      </c>
    </row>
    <row r="2128" spans="1:16" x14ac:dyDescent="0.4">
      <c r="A2128">
        <v>3100</v>
      </c>
      <c r="B2128">
        <v>140515</v>
      </c>
      <c r="C2128" s="1">
        <v>42630</v>
      </c>
      <c r="D2128">
        <v>155</v>
      </c>
      <c r="E2128">
        <v>153</v>
      </c>
      <c r="F2128" t="s">
        <v>206</v>
      </c>
      <c r="G2128">
        <v>20</v>
      </c>
      <c r="H2128">
        <v>380</v>
      </c>
      <c r="I2128">
        <v>1</v>
      </c>
      <c r="J2128">
        <v>0</v>
      </c>
      <c r="K2128">
        <v>619996</v>
      </c>
      <c r="L2128">
        <v>619997</v>
      </c>
      <c r="M2128">
        <v>82</v>
      </c>
      <c r="N2128" t="s">
        <v>87</v>
      </c>
      <c r="O2128" s="1">
        <v>42631.151388888888</v>
      </c>
      <c r="P2128" s="1">
        <v>42631.207638888889</v>
      </c>
    </row>
    <row r="2129" spans="1:16" x14ac:dyDescent="0.4">
      <c r="A2129">
        <v>3101</v>
      </c>
      <c r="B2129">
        <v>140515</v>
      </c>
      <c r="C2129" s="1">
        <v>42630</v>
      </c>
      <c r="D2129">
        <v>155</v>
      </c>
      <c r="E2129">
        <v>153</v>
      </c>
      <c r="F2129" t="s">
        <v>206</v>
      </c>
      <c r="G2129">
        <v>20</v>
      </c>
      <c r="H2129">
        <v>380</v>
      </c>
      <c r="I2129">
        <v>1</v>
      </c>
      <c r="J2129">
        <v>0</v>
      </c>
      <c r="K2129">
        <v>619998</v>
      </c>
      <c r="L2129">
        <v>619999</v>
      </c>
      <c r="M2129">
        <v>82</v>
      </c>
      <c r="N2129" t="s">
        <v>87</v>
      </c>
      <c r="O2129" s="1">
        <v>42631.151388888888</v>
      </c>
      <c r="P2129" s="1">
        <v>42631.207638888889</v>
      </c>
    </row>
    <row r="2130" spans="1:16" x14ac:dyDescent="0.4">
      <c r="A2130">
        <v>3102</v>
      </c>
      <c r="B2130">
        <v>140515</v>
      </c>
      <c r="C2130" s="1">
        <v>42630</v>
      </c>
      <c r="D2130">
        <v>164</v>
      </c>
      <c r="E2130">
        <v>106</v>
      </c>
      <c r="F2130" t="s">
        <v>127</v>
      </c>
      <c r="G2130">
        <v>20</v>
      </c>
      <c r="H2130">
        <v>550</v>
      </c>
      <c r="I2130">
        <v>1</v>
      </c>
      <c r="J2130">
        <v>0</v>
      </c>
      <c r="K2130">
        <v>620000</v>
      </c>
      <c r="L2130">
        <v>620001</v>
      </c>
      <c r="M2130">
        <v>82</v>
      </c>
      <c r="N2130" t="s">
        <v>87</v>
      </c>
      <c r="O2130" s="1">
        <v>42631.151388888888</v>
      </c>
      <c r="P2130" s="1">
        <v>42631.208333333336</v>
      </c>
    </row>
    <row r="2131" spans="1:16" x14ac:dyDescent="0.4">
      <c r="A2131">
        <v>3103</v>
      </c>
      <c r="B2131">
        <v>140515</v>
      </c>
      <c r="C2131" s="1">
        <v>42630</v>
      </c>
      <c r="D2131">
        <v>311</v>
      </c>
      <c r="E2131">
        <v>314</v>
      </c>
      <c r="F2131" t="s">
        <v>188</v>
      </c>
      <c r="G2131">
        <v>20</v>
      </c>
      <c r="H2131">
        <v>500</v>
      </c>
      <c r="I2131">
        <v>1</v>
      </c>
      <c r="J2131">
        <v>0</v>
      </c>
      <c r="K2131">
        <v>620002</v>
      </c>
      <c r="L2131">
        <v>620003</v>
      </c>
      <c r="M2131">
        <v>82</v>
      </c>
      <c r="N2131" t="s">
        <v>87</v>
      </c>
      <c r="O2131" s="1">
        <v>42631.151388888888</v>
      </c>
      <c r="P2131" s="1">
        <v>42631.208333333336</v>
      </c>
    </row>
    <row r="2132" spans="1:16" x14ac:dyDescent="0.4">
      <c r="A2132">
        <v>3104</v>
      </c>
      <c r="B2132">
        <v>140605</v>
      </c>
      <c r="C2132" s="1">
        <v>42631</v>
      </c>
      <c r="D2132">
        <v>302</v>
      </c>
      <c r="E2132">
        <v>14</v>
      </c>
      <c r="F2132" t="s">
        <v>5</v>
      </c>
      <c r="G2132">
        <v>6</v>
      </c>
      <c r="H2132">
        <v>200</v>
      </c>
      <c r="I2132">
        <v>2</v>
      </c>
      <c r="J2132">
        <v>1</v>
      </c>
      <c r="K2132">
        <v>620327</v>
      </c>
      <c r="L2132">
        <v>620328</v>
      </c>
      <c r="M2132">
        <v>29</v>
      </c>
      <c r="O2132" s="1">
        <v>42632.020138888889</v>
      </c>
      <c r="P2132" s="1">
        <v>42632.040277777778</v>
      </c>
    </row>
    <row r="2133" spans="1:16" x14ac:dyDescent="0.4">
      <c r="A2133">
        <v>3113</v>
      </c>
      <c r="B2133">
        <v>140621</v>
      </c>
      <c r="C2133" s="1">
        <v>42632</v>
      </c>
      <c r="D2133">
        <v>157</v>
      </c>
      <c r="E2133">
        <v>113</v>
      </c>
      <c r="F2133" t="s">
        <v>59</v>
      </c>
      <c r="G2133">
        <v>15</v>
      </c>
      <c r="H2133">
        <v>550</v>
      </c>
      <c r="I2133">
        <v>4</v>
      </c>
      <c r="J2133">
        <v>1</v>
      </c>
      <c r="K2133">
        <v>620442</v>
      </c>
      <c r="L2133">
        <v>620443</v>
      </c>
      <c r="M2133">
        <v>98</v>
      </c>
      <c r="N2133" t="s">
        <v>14</v>
      </c>
      <c r="O2133" s="1">
        <v>42632.518055555556</v>
      </c>
      <c r="P2133" s="1">
        <v>42632.529861111114</v>
      </c>
    </row>
    <row r="2134" spans="1:16" x14ac:dyDescent="0.4">
      <c r="A2134">
        <v>3156</v>
      </c>
      <c r="B2134">
        <v>143028</v>
      </c>
      <c r="C2134" s="1">
        <v>42666</v>
      </c>
      <c r="D2134">
        <v>73</v>
      </c>
      <c r="E2134">
        <v>54</v>
      </c>
      <c r="F2134" t="s">
        <v>36</v>
      </c>
      <c r="G2134">
        <v>7</v>
      </c>
      <c r="H2134">
        <v>400</v>
      </c>
      <c r="I2134">
        <v>1</v>
      </c>
      <c r="J2134">
        <v>0</v>
      </c>
      <c r="K2134">
        <v>631332</v>
      </c>
      <c r="L2134">
        <v>631333</v>
      </c>
      <c r="M2134">
        <v>1</v>
      </c>
      <c r="N2134" t="s">
        <v>12</v>
      </c>
      <c r="O2134" s="1">
        <v>42666.997916666667</v>
      </c>
      <c r="P2134" s="1">
        <v>42666.997916666667</v>
      </c>
    </row>
    <row r="2135" spans="1:16" x14ac:dyDescent="0.4">
      <c r="A2135">
        <v>3176</v>
      </c>
      <c r="B2135">
        <v>143553</v>
      </c>
      <c r="C2135" s="1">
        <v>42674</v>
      </c>
      <c r="D2135">
        <v>182</v>
      </c>
      <c r="E2135">
        <v>143</v>
      </c>
      <c r="F2135" t="s">
        <v>151</v>
      </c>
      <c r="G2135">
        <v>20</v>
      </c>
      <c r="H2135">
        <v>420</v>
      </c>
      <c r="I2135">
        <v>1</v>
      </c>
      <c r="J2135">
        <v>0</v>
      </c>
      <c r="K2135">
        <v>633713</v>
      </c>
      <c r="L2135">
        <v>633714</v>
      </c>
      <c r="M2135">
        <v>100</v>
      </c>
      <c r="N2135" t="s">
        <v>1</v>
      </c>
      <c r="O2135" s="1">
        <v>42674.921527777777</v>
      </c>
      <c r="P2135" s="1">
        <v>42674.927777777775</v>
      </c>
    </row>
    <row r="2136" spans="1:16" x14ac:dyDescent="0.4">
      <c r="A2136">
        <v>3177</v>
      </c>
      <c r="B2136">
        <v>143553</v>
      </c>
      <c r="C2136" s="1">
        <v>42674</v>
      </c>
      <c r="D2136">
        <v>301</v>
      </c>
      <c r="E2136">
        <v>1430</v>
      </c>
      <c r="F2136" t="s">
        <v>19</v>
      </c>
      <c r="G2136">
        <v>20</v>
      </c>
      <c r="H2136">
        <v>420</v>
      </c>
      <c r="I2136">
        <v>2</v>
      </c>
      <c r="J2136">
        <v>0</v>
      </c>
      <c r="K2136">
        <v>633715</v>
      </c>
      <c r="L2136">
        <v>633716</v>
      </c>
      <c r="M2136">
        <v>100</v>
      </c>
      <c r="N2136" t="s">
        <v>1</v>
      </c>
      <c r="O2136" s="1">
        <v>42674.921527777777</v>
      </c>
      <c r="P2136" s="1">
        <v>42674.927777777775</v>
      </c>
    </row>
    <row r="2137" spans="1:16" x14ac:dyDescent="0.4">
      <c r="A2137">
        <v>3178</v>
      </c>
      <c r="B2137">
        <v>143561</v>
      </c>
      <c r="C2137" s="1">
        <v>42674</v>
      </c>
      <c r="D2137">
        <v>97</v>
      </c>
      <c r="E2137">
        <v>21</v>
      </c>
      <c r="F2137" t="s">
        <v>6</v>
      </c>
      <c r="G2137">
        <v>19</v>
      </c>
      <c r="H2137">
        <v>420</v>
      </c>
      <c r="I2137">
        <v>2</v>
      </c>
      <c r="J2137">
        <v>0</v>
      </c>
      <c r="K2137">
        <v>633775</v>
      </c>
      <c r="L2137">
        <v>633776</v>
      </c>
      <c r="M2137">
        <v>1</v>
      </c>
      <c r="N2137" t="s">
        <v>12</v>
      </c>
      <c r="O2137" s="1">
        <v>42674.999305555553</v>
      </c>
      <c r="P2137" s="1">
        <v>42675.018055555556</v>
      </c>
    </row>
    <row r="2138" spans="1:16" x14ac:dyDescent="0.4">
      <c r="A2138">
        <v>3179</v>
      </c>
      <c r="B2138">
        <v>143603</v>
      </c>
      <c r="C2138" s="1">
        <v>42675</v>
      </c>
      <c r="D2138">
        <v>97</v>
      </c>
      <c r="E2138">
        <v>21</v>
      </c>
      <c r="F2138" t="s">
        <v>6</v>
      </c>
      <c r="G2138">
        <v>4</v>
      </c>
      <c r="H2138">
        <v>420</v>
      </c>
      <c r="I2138">
        <v>1</v>
      </c>
      <c r="J2138">
        <v>0</v>
      </c>
      <c r="K2138">
        <v>633952</v>
      </c>
      <c r="L2138">
        <v>633953</v>
      </c>
      <c r="M2138">
        <v>74</v>
      </c>
      <c r="N2138" t="s">
        <v>56</v>
      </c>
      <c r="O2138" s="1">
        <v>42675.890972222223</v>
      </c>
      <c r="P2138" s="1">
        <v>42675.90902777778</v>
      </c>
    </row>
    <row r="2139" spans="1:16" x14ac:dyDescent="0.4">
      <c r="A2139">
        <v>3180</v>
      </c>
      <c r="B2139">
        <v>143677</v>
      </c>
      <c r="C2139" s="1">
        <v>42676</v>
      </c>
      <c r="D2139">
        <v>158</v>
      </c>
      <c r="E2139">
        <v>117</v>
      </c>
      <c r="F2139" t="s">
        <v>20</v>
      </c>
      <c r="G2139">
        <v>8</v>
      </c>
      <c r="H2139">
        <v>500</v>
      </c>
      <c r="I2139">
        <v>1</v>
      </c>
      <c r="J2139">
        <v>0</v>
      </c>
      <c r="K2139">
        <v>634290</v>
      </c>
      <c r="L2139">
        <v>634291</v>
      </c>
      <c r="M2139">
        <v>91</v>
      </c>
      <c r="N2139" t="s">
        <v>24</v>
      </c>
      <c r="O2139" s="1">
        <v>42677.177083333336</v>
      </c>
      <c r="P2139" s="1">
        <v>42677.179166666669</v>
      </c>
    </row>
    <row r="2140" spans="1:16" x14ac:dyDescent="0.4">
      <c r="A2140">
        <v>3181</v>
      </c>
      <c r="B2140">
        <v>143676</v>
      </c>
      <c r="C2140" s="1">
        <v>42676</v>
      </c>
      <c r="D2140">
        <v>302</v>
      </c>
      <c r="E2140">
        <v>14</v>
      </c>
      <c r="F2140" t="s">
        <v>5</v>
      </c>
      <c r="G2140">
        <v>1</v>
      </c>
      <c r="H2140">
        <v>200</v>
      </c>
      <c r="I2140">
        <v>2</v>
      </c>
      <c r="J2140">
        <v>0</v>
      </c>
      <c r="K2140">
        <v>634308</v>
      </c>
      <c r="L2140">
        <v>634309</v>
      </c>
      <c r="M2140">
        <v>105</v>
      </c>
      <c r="N2140" t="s">
        <v>48</v>
      </c>
      <c r="O2140" s="1">
        <v>42677.090277777781</v>
      </c>
      <c r="P2140" s="1">
        <v>42677.244444444441</v>
      </c>
    </row>
    <row r="2141" spans="1:16" x14ac:dyDescent="0.4">
      <c r="A2141">
        <v>3182</v>
      </c>
      <c r="B2141">
        <v>143698</v>
      </c>
      <c r="C2141" s="1">
        <v>42677</v>
      </c>
      <c r="D2141">
        <v>280</v>
      </c>
      <c r="E2141">
        <v>1266</v>
      </c>
      <c r="F2141" t="s">
        <v>13</v>
      </c>
      <c r="G2141">
        <v>13</v>
      </c>
      <c r="H2141">
        <v>680</v>
      </c>
      <c r="I2141">
        <v>1</v>
      </c>
      <c r="J2141">
        <v>0</v>
      </c>
      <c r="K2141">
        <v>634410</v>
      </c>
      <c r="L2141">
        <v>634411</v>
      </c>
      <c r="M2141">
        <v>100</v>
      </c>
      <c r="N2141" t="s">
        <v>1</v>
      </c>
      <c r="O2141" s="1">
        <v>42677.556250000001</v>
      </c>
      <c r="P2141" s="1">
        <v>42677.681250000001</v>
      </c>
    </row>
    <row r="2142" spans="1:16" x14ac:dyDescent="0.4">
      <c r="A2142">
        <v>3183</v>
      </c>
      <c r="B2142">
        <v>143759</v>
      </c>
      <c r="C2142" s="1">
        <v>42678</v>
      </c>
      <c r="D2142">
        <v>125</v>
      </c>
      <c r="E2142">
        <v>126</v>
      </c>
      <c r="F2142" t="s">
        <v>8</v>
      </c>
      <c r="G2142">
        <v>17</v>
      </c>
      <c r="H2142">
        <v>380</v>
      </c>
      <c r="I2142">
        <v>1</v>
      </c>
      <c r="J2142">
        <v>0</v>
      </c>
      <c r="K2142">
        <v>634566</v>
      </c>
      <c r="L2142">
        <v>634567</v>
      </c>
      <c r="M2142">
        <v>29</v>
      </c>
      <c r="O2142" s="1">
        <v>42678.564583333333</v>
      </c>
      <c r="P2142" s="1">
        <v>42678.570138888892</v>
      </c>
    </row>
    <row r="2143" spans="1:16" x14ac:dyDescent="0.4">
      <c r="A2143">
        <v>3184</v>
      </c>
      <c r="B2143">
        <v>143987</v>
      </c>
      <c r="C2143" s="1">
        <v>42680</v>
      </c>
      <c r="D2143">
        <v>94</v>
      </c>
      <c r="E2143">
        <v>75</v>
      </c>
      <c r="F2143" t="s">
        <v>57</v>
      </c>
      <c r="G2143">
        <v>11</v>
      </c>
      <c r="H2143">
        <v>480</v>
      </c>
      <c r="I2143">
        <v>1</v>
      </c>
      <c r="J2143">
        <v>0</v>
      </c>
      <c r="K2143">
        <v>635660</v>
      </c>
      <c r="L2143">
        <v>635661</v>
      </c>
      <c r="M2143">
        <v>1</v>
      </c>
      <c r="N2143" t="s">
        <v>12</v>
      </c>
      <c r="O2143" s="1">
        <v>42681.170138888891</v>
      </c>
      <c r="P2143" s="1">
        <v>42681.24722222222</v>
      </c>
    </row>
    <row r="2144" spans="1:16" x14ac:dyDescent="0.4">
      <c r="A2144">
        <v>3185</v>
      </c>
      <c r="B2144">
        <v>143987</v>
      </c>
      <c r="C2144" s="1">
        <v>42680</v>
      </c>
      <c r="D2144">
        <v>92</v>
      </c>
      <c r="E2144">
        <v>73</v>
      </c>
      <c r="F2144" t="s">
        <v>120</v>
      </c>
      <c r="G2144">
        <v>11</v>
      </c>
      <c r="H2144">
        <v>480</v>
      </c>
      <c r="I2144">
        <v>1</v>
      </c>
      <c r="J2144">
        <v>0</v>
      </c>
      <c r="K2144">
        <v>635662</v>
      </c>
      <c r="L2144">
        <v>635663</v>
      </c>
      <c r="M2144">
        <v>1</v>
      </c>
      <c r="N2144" t="s">
        <v>12</v>
      </c>
      <c r="O2144" s="1">
        <v>42681.1875</v>
      </c>
      <c r="P2144" s="1">
        <v>42681.24722222222</v>
      </c>
    </row>
    <row r="2145" spans="1:16" x14ac:dyDescent="0.4">
      <c r="A2145">
        <v>3186</v>
      </c>
      <c r="B2145">
        <v>143987</v>
      </c>
      <c r="C2145" s="1">
        <v>42680</v>
      </c>
      <c r="D2145">
        <v>89</v>
      </c>
      <c r="E2145">
        <v>70</v>
      </c>
      <c r="F2145" t="s">
        <v>10</v>
      </c>
      <c r="G2145">
        <v>11</v>
      </c>
      <c r="H2145">
        <v>400</v>
      </c>
      <c r="I2145">
        <v>1</v>
      </c>
      <c r="J2145">
        <v>0</v>
      </c>
      <c r="K2145">
        <v>635664</v>
      </c>
      <c r="L2145">
        <v>635665</v>
      </c>
      <c r="M2145">
        <v>1</v>
      </c>
      <c r="N2145" t="s">
        <v>12</v>
      </c>
      <c r="O2145" s="1">
        <v>42681.1875</v>
      </c>
      <c r="P2145" s="1">
        <v>42681.24722222222</v>
      </c>
    </row>
    <row r="2146" spans="1:16" x14ac:dyDescent="0.4">
      <c r="A2146">
        <v>3187</v>
      </c>
      <c r="B2146">
        <v>143987</v>
      </c>
      <c r="C2146" s="1">
        <v>42680</v>
      </c>
      <c r="D2146">
        <v>92</v>
      </c>
      <c r="E2146">
        <v>73</v>
      </c>
      <c r="F2146" t="s">
        <v>120</v>
      </c>
      <c r="G2146">
        <v>11</v>
      </c>
      <c r="H2146">
        <v>480</v>
      </c>
      <c r="I2146">
        <v>1</v>
      </c>
      <c r="J2146">
        <v>0</v>
      </c>
      <c r="K2146">
        <v>635666</v>
      </c>
      <c r="L2146">
        <v>635667</v>
      </c>
      <c r="M2146">
        <v>1</v>
      </c>
      <c r="N2146" t="s">
        <v>12</v>
      </c>
      <c r="O2146" s="1">
        <v>42681.200694444444</v>
      </c>
      <c r="P2146" s="1">
        <v>42681.24722222222</v>
      </c>
    </row>
    <row r="2147" spans="1:16" x14ac:dyDescent="0.4">
      <c r="A2147">
        <v>3188</v>
      </c>
      <c r="B2147">
        <v>143987</v>
      </c>
      <c r="C2147" s="1">
        <v>42680</v>
      </c>
      <c r="D2147">
        <v>89</v>
      </c>
      <c r="E2147">
        <v>70</v>
      </c>
      <c r="F2147" t="s">
        <v>10</v>
      </c>
      <c r="G2147">
        <v>11</v>
      </c>
      <c r="H2147">
        <v>400</v>
      </c>
      <c r="I2147">
        <v>1</v>
      </c>
      <c r="J2147">
        <v>0</v>
      </c>
      <c r="K2147">
        <v>635668</v>
      </c>
      <c r="L2147">
        <v>635669</v>
      </c>
      <c r="M2147">
        <v>1</v>
      </c>
      <c r="N2147" t="s">
        <v>12</v>
      </c>
      <c r="O2147" s="1">
        <v>42681.200694444444</v>
      </c>
      <c r="P2147" s="1">
        <v>42681.24722222222</v>
      </c>
    </row>
    <row r="2148" spans="1:16" x14ac:dyDescent="0.4">
      <c r="A2148">
        <v>3189</v>
      </c>
      <c r="B2148">
        <v>144032</v>
      </c>
      <c r="C2148" s="1">
        <v>42681</v>
      </c>
      <c r="D2148">
        <v>69</v>
      </c>
      <c r="E2148">
        <v>50</v>
      </c>
      <c r="F2148" t="s">
        <v>18</v>
      </c>
      <c r="G2148">
        <v>2</v>
      </c>
      <c r="H2148">
        <v>480</v>
      </c>
      <c r="I2148">
        <v>1</v>
      </c>
      <c r="J2148">
        <v>0</v>
      </c>
      <c r="K2148">
        <v>635815</v>
      </c>
      <c r="L2148">
        <v>635816</v>
      </c>
      <c r="M2148">
        <v>100</v>
      </c>
      <c r="N2148" t="s">
        <v>1</v>
      </c>
      <c r="O2148" s="1">
        <v>42681.849305555559</v>
      </c>
      <c r="P2148" s="1">
        <v>42681.85</v>
      </c>
    </row>
    <row r="2149" spans="1:16" x14ac:dyDescent="0.4">
      <c r="A2149">
        <v>3190</v>
      </c>
      <c r="B2149">
        <v>144038</v>
      </c>
      <c r="C2149" s="1">
        <v>42681</v>
      </c>
      <c r="D2149">
        <v>71</v>
      </c>
      <c r="E2149">
        <v>52</v>
      </c>
      <c r="F2149" t="s">
        <v>23</v>
      </c>
      <c r="G2149">
        <v>20</v>
      </c>
      <c r="H2149">
        <v>400</v>
      </c>
      <c r="I2149">
        <v>1</v>
      </c>
      <c r="J2149">
        <v>0</v>
      </c>
      <c r="K2149">
        <v>635835</v>
      </c>
      <c r="L2149">
        <v>635836</v>
      </c>
      <c r="M2149">
        <v>1</v>
      </c>
      <c r="N2149" t="s">
        <v>12</v>
      </c>
      <c r="O2149" s="1">
        <v>42681.893055555556</v>
      </c>
      <c r="P2149" s="1">
        <v>42681.893055555556</v>
      </c>
    </row>
    <row r="2150" spans="1:16" x14ac:dyDescent="0.4">
      <c r="A2150">
        <v>3191</v>
      </c>
      <c r="B2150">
        <v>144189</v>
      </c>
      <c r="C2150" s="1">
        <v>42684</v>
      </c>
      <c r="D2150">
        <v>139</v>
      </c>
      <c r="E2150">
        <v>134</v>
      </c>
      <c r="F2150" t="s">
        <v>177</v>
      </c>
      <c r="G2150">
        <v>7</v>
      </c>
      <c r="H2150">
        <v>1380</v>
      </c>
      <c r="I2150">
        <v>1</v>
      </c>
      <c r="J2150">
        <v>0</v>
      </c>
      <c r="K2150">
        <v>636471</v>
      </c>
      <c r="L2150">
        <v>636472</v>
      </c>
      <c r="M2150">
        <v>90</v>
      </c>
      <c r="N2150" t="s">
        <v>9</v>
      </c>
      <c r="O2150" s="1">
        <v>42684.986805555556</v>
      </c>
      <c r="P2150" s="1">
        <v>42684.986805555556</v>
      </c>
    </row>
    <row r="2151" spans="1:16" x14ac:dyDescent="0.4">
      <c r="A2151">
        <v>3192</v>
      </c>
      <c r="B2151">
        <v>144254</v>
      </c>
      <c r="C2151" s="1">
        <v>42685</v>
      </c>
      <c r="D2151">
        <v>57</v>
      </c>
      <c r="E2151">
        <v>30</v>
      </c>
      <c r="F2151" t="s">
        <v>60</v>
      </c>
      <c r="G2151">
        <v>11</v>
      </c>
      <c r="H2151">
        <v>320</v>
      </c>
      <c r="I2151">
        <v>1</v>
      </c>
      <c r="J2151">
        <v>0</v>
      </c>
      <c r="K2151">
        <v>636718</v>
      </c>
      <c r="L2151">
        <v>636719</v>
      </c>
      <c r="M2151">
        <v>29</v>
      </c>
      <c r="O2151" s="1">
        <v>42686.004166666666</v>
      </c>
      <c r="P2151" s="1">
        <v>42686.004166666666</v>
      </c>
    </row>
    <row r="2152" spans="1:16" x14ac:dyDescent="0.4">
      <c r="A2152">
        <v>3193</v>
      </c>
      <c r="B2152">
        <v>144254</v>
      </c>
      <c r="C2152" s="1">
        <v>42685</v>
      </c>
      <c r="D2152">
        <v>60</v>
      </c>
      <c r="E2152">
        <v>33</v>
      </c>
      <c r="F2152" t="s">
        <v>86</v>
      </c>
      <c r="G2152">
        <v>11</v>
      </c>
      <c r="H2152">
        <v>320</v>
      </c>
      <c r="I2152">
        <v>1</v>
      </c>
      <c r="J2152">
        <v>0</v>
      </c>
      <c r="K2152">
        <v>636720</v>
      </c>
      <c r="L2152">
        <v>636721</v>
      </c>
      <c r="M2152">
        <v>29</v>
      </c>
      <c r="O2152" s="1">
        <v>42686.004166666666</v>
      </c>
      <c r="P2152" s="1">
        <v>42686.004166666666</v>
      </c>
    </row>
    <row r="2153" spans="1:16" x14ac:dyDescent="0.4">
      <c r="A2153">
        <v>3194</v>
      </c>
      <c r="B2153">
        <v>144250</v>
      </c>
      <c r="C2153" s="1">
        <v>42685</v>
      </c>
      <c r="D2153">
        <v>109</v>
      </c>
      <c r="E2153">
        <v>80</v>
      </c>
      <c r="F2153" t="s">
        <v>186</v>
      </c>
      <c r="G2153">
        <v>2</v>
      </c>
      <c r="H2153">
        <v>400</v>
      </c>
      <c r="I2153">
        <v>2</v>
      </c>
      <c r="J2153">
        <v>0</v>
      </c>
      <c r="K2153">
        <v>636731</v>
      </c>
      <c r="L2153">
        <v>636732</v>
      </c>
      <c r="M2153">
        <v>91</v>
      </c>
      <c r="N2153" t="s">
        <v>24</v>
      </c>
      <c r="O2153" s="1">
        <v>42686.011111111111</v>
      </c>
      <c r="P2153" s="1">
        <v>42686.011111111111</v>
      </c>
    </row>
    <row r="2154" spans="1:16" x14ac:dyDescent="0.4">
      <c r="A2154">
        <v>3195</v>
      </c>
      <c r="B2154">
        <v>144250</v>
      </c>
      <c r="C2154" s="1">
        <v>42685</v>
      </c>
      <c r="D2154">
        <v>80</v>
      </c>
      <c r="E2154">
        <v>61</v>
      </c>
      <c r="F2154" t="s">
        <v>153</v>
      </c>
      <c r="G2154">
        <v>2</v>
      </c>
      <c r="H2154">
        <v>400</v>
      </c>
      <c r="I2154">
        <v>2</v>
      </c>
      <c r="J2154">
        <v>0</v>
      </c>
      <c r="K2154">
        <v>636733</v>
      </c>
      <c r="L2154">
        <v>636734</v>
      </c>
      <c r="M2154">
        <v>91</v>
      </c>
      <c r="N2154" t="s">
        <v>24</v>
      </c>
      <c r="O2154" s="1">
        <v>42685.991666666669</v>
      </c>
      <c r="P2154" s="1">
        <v>42686.011805555558</v>
      </c>
    </row>
    <row r="2155" spans="1:16" x14ac:dyDescent="0.4">
      <c r="A2155">
        <v>3196</v>
      </c>
      <c r="B2155">
        <v>144441</v>
      </c>
      <c r="C2155" s="1">
        <v>42687</v>
      </c>
      <c r="D2155">
        <v>125</v>
      </c>
      <c r="E2155">
        <v>126</v>
      </c>
      <c r="F2155" t="s">
        <v>8</v>
      </c>
      <c r="G2155">
        <v>20</v>
      </c>
      <c r="H2155">
        <v>380</v>
      </c>
      <c r="I2155">
        <v>1</v>
      </c>
      <c r="J2155">
        <v>0</v>
      </c>
      <c r="K2155">
        <v>637621</v>
      </c>
      <c r="L2155">
        <v>637622</v>
      </c>
      <c r="M2155">
        <v>101</v>
      </c>
      <c r="N2155" t="s">
        <v>306</v>
      </c>
      <c r="O2155" s="1">
        <v>42687.946527777778</v>
      </c>
      <c r="P2155" s="1">
        <v>42687.95</v>
      </c>
    </row>
    <row r="2156" spans="1:16" x14ac:dyDescent="0.4">
      <c r="A2156">
        <v>3197</v>
      </c>
      <c r="B2156">
        <v>144775</v>
      </c>
      <c r="C2156" s="1">
        <v>42693</v>
      </c>
      <c r="D2156">
        <v>57</v>
      </c>
      <c r="E2156">
        <v>30</v>
      </c>
      <c r="F2156" t="s">
        <v>60</v>
      </c>
      <c r="G2156">
        <v>13</v>
      </c>
      <c r="H2156">
        <v>320</v>
      </c>
      <c r="I2156">
        <v>1</v>
      </c>
      <c r="J2156">
        <v>0</v>
      </c>
      <c r="K2156">
        <v>639042</v>
      </c>
      <c r="L2156">
        <v>639043</v>
      </c>
      <c r="M2156">
        <v>1</v>
      </c>
      <c r="N2156" t="s">
        <v>12</v>
      </c>
      <c r="O2156" s="1">
        <v>42693.938888888886</v>
      </c>
      <c r="P2156" s="1">
        <v>42693.94027777778</v>
      </c>
    </row>
    <row r="2157" spans="1:16" x14ac:dyDescent="0.4">
      <c r="A2157">
        <v>3198</v>
      </c>
      <c r="B2157">
        <v>144775</v>
      </c>
      <c r="C2157" s="1">
        <v>42693</v>
      </c>
      <c r="D2157">
        <v>75</v>
      </c>
      <c r="E2157">
        <v>56</v>
      </c>
      <c r="F2157" t="s">
        <v>49</v>
      </c>
      <c r="G2157">
        <v>13</v>
      </c>
      <c r="H2157">
        <v>400</v>
      </c>
      <c r="I2157">
        <v>1</v>
      </c>
      <c r="J2157">
        <v>0</v>
      </c>
      <c r="K2157">
        <v>639044</v>
      </c>
      <c r="L2157">
        <v>639045</v>
      </c>
      <c r="M2157">
        <v>1</v>
      </c>
      <c r="N2157" t="s">
        <v>12</v>
      </c>
      <c r="O2157" s="1">
        <v>42693.938888888886</v>
      </c>
      <c r="P2157" s="1">
        <v>42693.94027777778</v>
      </c>
    </row>
    <row r="2158" spans="1:16" x14ac:dyDescent="0.4">
      <c r="A2158">
        <v>3199</v>
      </c>
      <c r="B2158">
        <v>144775</v>
      </c>
      <c r="C2158" s="1">
        <v>42693</v>
      </c>
      <c r="D2158">
        <v>80</v>
      </c>
      <c r="E2158">
        <v>61</v>
      </c>
      <c r="F2158" t="s">
        <v>153</v>
      </c>
      <c r="G2158">
        <v>13</v>
      </c>
      <c r="H2158">
        <v>400</v>
      </c>
      <c r="I2158">
        <v>1</v>
      </c>
      <c r="J2158">
        <v>0</v>
      </c>
      <c r="K2158">
        <v>639046</v>
      </c>
      <c r="L2158">
        <v>639047</v>
      </c>
      <c r="M2158">
        <v>1</v>
      </c>
      <c r="N2158" t="s">
        <v>12</v>
      </c>
      <c r="O2158" s="1">
        <v>42693.938888888886</v>
      </c>
      <c r="P2158" s="1">
        <v>42693.94027777778</v>
      </c>
    </row>
    <row r="2159" spans="1:16" x14ac:dyDescent="0.4">
      <c r="A2159">
        <v>3200</v>
      </c>
      <c r="B2159">
        <v>144845</v>
      </c>
      <c r="C2159" s="1">
        <v>42694</v>
      </c>
      <c r="D2159">
        <v>57</v>
      </c>
      <c r="E2159">
        <v>30</v>
      </c>
      <c r="F2159" t="s">
        <v>60</v>
      </c>
      <c r="G2159">
        <v>2</v>
      </c>
      <c r="H2159">
        <v>0</v>
      </c>
      <c r="I2159">
        <v>1</v>
      </c>
      <c r="J2159">
        <v>0</v>
      </c>
      <c r="K2159">
        <v>639355</v>
      </c>
      <c r="L2159">
        <v>639356</v>
      </c>
      <c r="M2159">
        <v>100</v>
      </c>
      <c r="N2159" t="s">
        <v>1</v>
      </c>
      <c r="O2159" s="1">
        <v>42694.700694444444</v>
      </c>
      <c r="P2159" s="1">
        <v>42694.703472222223</v>
      </c>
    </row>
    <row r="2160" spans="1:16" x14ac:dyDescent="0.4">
      <c r="A2160">
        <v>3201</v>
      </c>
      <c r="B2160">
        <v>144845</v>
      </c>
      <c r="C2160" s="1">
        <v>42694</v>
      </c>
      <c r="D2160">
        <v>71</v>
      </c>
      <c r="E2160">
        <v>52</v>
      </c>
      <c r="F2160" t="s">
        <v>23</v>
      </c>
      <c r="G2160">
        <v>2</v>
      </c>
      <c r="H2160">
        <v>0</v>
      </c>
      <c r="I2160">
        <v>1</v>
      </c>
      <c r="J2160">
        <v>0</v>
      </c>
      <c r="K2160">
        <v>639357</v>
      </c>
      <c r="L2160">
        <v>639358</v>
      </c>
      <c r="M2160">
        <v>100</v>
      </c>
      <c r="N2160" t="s">
        <v>1</v>
      </c>
      <c r="O2160" s="1">
        <v>42694.700694444444</v>
      </c>
      <c r="P2160" s="1">
        <v>42694.703472222223</v>
      </c>
    </row>
    <row r="2161" spans="1:16" x14ac:dyDescent="0.4">
      <c r="A2161">
        <v>3202</v>
      </c>
      <c r="B2161">
        <v>144845</v>
      </c>
      <c r="C2161" s="1">
        <v>42694</v>
      </c>
      <c r="D2161">
        <v>57</v>
      </c>
      <c r="E2161">
        <v>30</v>
      </c>
      <c r="F2161" t="s">
        <v>60</v>
      </c>
      <c r="G2161">
        <v>2</v>
      </c>
      <c r="H2161">
        <v>320</v>
      </c>
      <c r="I2161">
        <v>1</v>
      </c>
      <c r="J2161">
        <v>0</v>
      </c>
      <c r="K2161">
        <v>639376</v>
      </c>
      <c r="L2161">
        <v>639377</v>
      </c>
      <c r="M2161">
        <v>100</v>
      </c>
      <c r="N2161" t="s">
        <v>1</v>
      </c>
      <c r="O2161" s="1">
        <v>42694.70416666667</v>
      </c>
      <c r="P2161" s="1">
        <v>42694.728472222225</v>
      </c>
    </row>
    <row r="2162" spans="1:16" x14ac:dyDescent="0.4">
      <c r="A2162">
        <v>3203</v>
      </c>
      <c r="B2162">
        <v>144845</v>
      </c>
      <c r="C2162" s="1">
        <v>42694</v>
      </c>
      <c r="D2162">
        <v>71</v>
      </c>
      <c r="E2162">
        <v>52</v>
      </c>
      <c r="F2162" t="s">
        <v>23</v>
      </c>
      <c r="G2162">
        <v>2</v>
      </c>
      <c r="H2162">
        <v>400</v>
      </c>
      <c r="I2162">
        <v>1</v>
      </c>
      <c r="J2162">
        <v>0</v>
      </c>
      <c r="K2162">
        <v>639378</v>
      </c>
      <c r="L2162">
        <v>639379</v>
      </c>
      <c r="M2162">
        <v>100</v>
      </c>
      <c r="N2162" t="s">
        <v>1</v>
      </c>
      <c r="O2162" s="1">
        <v>42694.70416666667</v>
      </c>
      <c r="P2162" s="1">
        <v>42694.728472222225</v>
      </c>
    </row>
    <row r="2163" spans="1:16" x14ac:dyDescent="0.4">
      <c r="A2163">
        <v>3204</v>
      </c>
      <c r="B2163">
        <v>144845</v>
      </c>
      <c r="C2163" s="1">
        <v>42694</v>
      </c>
      <c r="D2163">
        <v>57</v>
      </c>
      <c r="E2163">
        <v>30</v>
      </c>
      <c r="F2163" t="s">
        <v>60</v>
      </c>
      <c r="G2163">
        <v>2</v>
      </c>
      <c r="H2163">
        <v>320</v>
      </c>
      <c r="I2163">
        <v>2</v>
      </c>
      <c r="J2163">
        <v>0</v>
      </c>
      <c r="K2163">
        <v>639380</v>
      </c>
      <c r="L2163">
        <v>639381</v>
      </c>
      <c r="M2163">
        <v>100</v>
      </c>
      <c r="N2163" t="s">
        <v>1</v>
      </c>
      <c r="O2163" s="1">
        <v>42694.718055555553</v>
      </c>
      <c r="P2163" s="1">
        <v>42694.728472222225</v>
      </c>
    </row>
    <row r="2164" spans="1:16" x14ac:dyDescent="0.4">
      <c r="A2164">
        <v>3205</v>
      </c>
      <c r="B2164">
        <v>144992</v>
      </c>
      <c r="C2164" s="1">
        <v>42697</v>
      </c>
      <c r="D2164">
        <v>125</v>
      </c>
      <c r="E2164">
        <v>126</v>
      </c>
      <c r="F2164" t="s">
        <v>8</v>
      </c>
      <c r="G2164">
        <v>7</v>
      </c>
      <c r="H2164">
        <v>380</v>
      </c>
      <c r="I2164">
        <v>1</v>
      </c>
      <c r="J2164">
        <v>0</v>
      </c>
      <c r="K2164">
        <v>640147</v>
      </c>
      <c r="L2164">
        <v>640148</v>
      </c>
      <c r="M2164">
        <v>96</v>
      </c>
      <c r="N2164" t="s">
        <v>7</v>
      </c>
      <c r="O2164" s="1">
        <v>42697.447222222225</v>
      </c>
      <c r="P2164" s="1">
        <v>42697.691666666666</v>
      </c>
    </row>
    <row r="2165" spans="1:16" x14ac:dyDescent="0.4">
      <c r="A2165">
        <v>3206</v>
      </c>
      <c r="B2165">
        <v>145170</v>
      </c>
      <c r="C2165" s="1">
        <v>42699</v>
      </c>
      <c r="D2165">
        <v>84</v>
      </c>
      <c r="E2165">
        <v>65</v>
      </c>
      <c r="F2165" t="s">
        <v>71</v>
      </c>
      <c r="G2165">
        <v>14</v>
      </c>
      <c r="H2165">
        <v>400</v>
      </c>
      <c r="I2165">
        <v>1</v>
      </c>
      <c r="J2165">
        <v>0</v>
      </c>
      <c r="K2165">
        <v>640870</v>
      </c>
      <c r="L2165">
        <v>640871</v>
      </c>
      <c r="M2165">
        <v>1</v>
      </c>
      <c r="N2165" t="s">
        <v>12</v>
      </c>
      <c r="O2165" s="1">
        <v>42700.044444444444</v>
      </c>
      <c r="P2165" s="1">
        <v>42700.044444444444</v>
      </c>
    </row>
    <row r="2166" spans="1:16" x14ac:dyDescent="0.4">
      <c r="A2166">
        <v>3207</v>
      </c>
      <c r="B2166">
        <v>145161</v>
      </c>
      <c r="C2166" s="1">
        <v>42699</v>
      </c>
      <c r="D2166">
        <v>73</v>
      </c>
      <c r="E2166">
        <v>54</v>
      </c>
      <c r="F2166" t="s">
        <v>36</v>
      </c>
      <c r="G2166">
        <v>1</v>
      </c>
      <c r="H2166">
        <v>400</v>
      </c>
      <c r="I2166">
        <v>2</v>
      </c>
      <c r="J2166">
        <v>0</v>
      </c>
      <c r="K2166">
        <v>640891</v>
      </c>
      <c r="L2166">
        <v>640892</v>
      </c>
      <c r="M2166">
        <v>1</v>
      </c>
      <c r="N2166" t="s">
        <v>12</v>
      </c>
      <c r="O2166" s="1">
        <v>42699.990277777775</v>
      </c>
      <c r="P2166" s="1">
        <v>42700.086111111108</v>
      </c>
    </row>
    <row r="2167" spans="1:16" x14ac:dyDescent="0.4">
      <c r="A2167">
        <v>3208</v>
      </c>
      <c r="B2167">
        <v>145161</v>
      </c>
      <c r="C2167" s="1">
        <v>42699</v>
      </c>
      <c r="D2167">
        <v>76</v>
      </c>
      <c r="E2167">
        <v>51</v>
      </c>
      <c r="F2167" t="s">
        <v>33</v>
      </c>
      <c r="G2167">
        <v>1</v>
      </c>
      <c r="H2167">
        <v>400</v>
      </c>
      <c r="I2167">
        <v>1</v>
      </c>
      <c r="J2167">
        <v>0</v>
      </c>
      <c r="K2167">
        <v>640893</v>
      </c>
      <c r="L2167">
        <v>640894</v>
      </c>
      <c r="M2167">
        <v>1</v>
      </c>
      <c r="N2167" t="s">
        <v>12</v>
      </c>
      <c r="O2167" s="1">
        <v>42699.990277777775</v>
      </c>
      <c r="P2167" s="1">
        <v>42700.086111111108</v>
      </c>
    </row>
    <row r="2168" spans="1:16" x14ac:dyDescent="0.4">
      <c r="A2168">
        <v>3209</v>
      </c>
      <c r="B2168">
        <v>145178</v>
      </c>
      <c r="C2168" s="1">
        <v>42699</v>
      </c>
      <c r="D2168">
        <v>213</v>
      </c>
      <c r="E2168">
        <v>211</v>
      </c>
      <c r="F2168" t="s">
        <v>46</v>
      </c>
      <c r="G2168">
        <v>9</v>
      </c>
      <c r="H2168">
        <v>0</v>
      </c>
      <c r="I2168">
        <v>1</v>
      </c>
      <c r="J2168">
        <v>0</v>
      </c>
      <c r="K2168">
        <v>640942</v>
      </c>
      <c r="L2168">
        <v>640943</v>
      </c>
      <c r="M2168">
        <v>1</v>
      </c>
      <c r="N2168" t="s">
        <v>12</v>
      </c>
      <c r="O2168" s="1">
        <v>42700.202777777777</v>
      </c>
      <c r="P2168" s="1">
        <v>42700.20416666667</v>
      </c>
    </row>
    <row r="2169" spans="1:16" x14ac:dyDescent="0.4">
      <c r="A2169">
        <v>3210</v>
      </c>
      <c r="B2169">
        <v>145223</v>
      </c>
      <c r="C2169" s="1">
        <v>42700</v>
      </c>
      <c r="D2169">
        <v>290</v>
      </c>
      <c r="E2169">
        <v>1260</v>
      </c>
      <c r="F2169" t="s">
        <v>22</v>
      </c>
      <c r="G2169">
        <v>1</v>
      </c>
      <c r="H2169">
        <v>500</v>
      </c>
      <c r="I2169">
        <v>1</v>
      </c>
      <c r="J2169">
        <v>0</v>
      </c>
      <c r="K2169">
        <v>641165</v>
      </c>
      <c r="L2169">
        <v>641166</v>
      </c>
      <c r="M2169">
        <v>1</v>
      </c>
      <c r="N2169" t="s">
        <v>12</v>
      </c>
      <c r="O2169" s="1">
        <v>42700.86041666667</v>
      </c>
      <c r="P2169" s="1">
        <v>42700.886111111111</v>
      </c>
    </row>
    <row r="2170" spans="1:16" x14ac:dyDescent="0.4">
      <c r="A2170">
        <v>3211</v>
      </c>
      <c r="B2170">
        <v>145239</v>
      </c>
      <c r="C2170" s="1">
        <v>42700</v>
      </c>
      <c r="D2170">
        <v>97</v>
      </c>
      <c r="E2170">
        <v>21</v>
      </c>
      <c r="F2170" t="s">
        <v>6</v>
      </c>
      <c r="G2170">
        <v>3</v>
      </c>
      <c r="H2170">
        <v>420</v>
      </c>
      <c r="I2170">
        <v>2</v>
      </c>
      <c r="J2170">
        <v>0</v>
      </c>
      <c r="K2170">
        <v>641305</v>
      </c>
      <c r="L2170">
        <v>641306</v>
      </c>
      <c r="M2170">
        <v>1</v>
      </c>
      <c r="N2170" t="s">
        <v>12</v>
      </c>
      <c r="O2170" s="1">
        <v>42700.905555555553</v>
      </c>
      <c r="P2170" s="1">
        <v>42701.018750000003</v>
      </c>
    </row>
    <row r="2171" spans="1:16" x14ac:dyDescent="0.4">
      <c r="A2171">
        <v>3212</v>
      </c>
      <c r="B2171">
        <v>145239</v>
      </c>
      <c r="C2171" s="1">
        <v>42700</v>
      </c>
      <c r="D2171">
        <v>69</v>
      </c>
      <c r="E2171">
        <v>50</v>
      </c>
      <c r="F2171" t="s">
        <v>18</v>
      </c>
      <c r="G2171">
        <v>3</v>
      </c>
      <c r="H2171">
        <v>480</v>
      </c>
      <c r="I2171">
        <v>1</v>
      </c>
      <c r="J2171">
        <v>0</v>
      </c>
      <c r="K2171">
        <v>641307</v>
      </c>
      <c r="L2171">
        <v>641308</v>
      </c>
      <c r="M2171">
        <v>1</v>
      </c>
      <c r="N2171" t="s">
        <v>12</v>
      </c>
      <c r="O2171" s="1">
        <v>42700.957638888889</v>
      </c>
      <c r="P2171" s="1">
        <v>42701.018750000003</v>
      </c>
    </row>
    <row r="2172" spans="1:16" x14ac:dyDescent="0.4">
      <c r="A2172">
        <v>3213</v>
      </c>
      <c r="B2172">
        <v>145239</v>
      </c>
      <c r="C2172" s="1">
        <v>42700</v>
      </c>
      <c r="D2172">
        <v>274</v>
      </c>
      <c r="E2172">
        <v>46</v>
      </c>
      <c r="F2172" t="s">
        <v>75</v>
      </c>
      <c r="G2172">
        <v>3</v>
      </c>
      <c r="H2172">
        <v>480</v>
      </c>
      <c r="I2172">
        <v>1</v>
      </c>
      <c r="J2172">
        <v>0</v>
      </c>
      <c r="K2172">
        <v>641309</v>
      </c>
      <c r="L2172">
        <v>641310</v>
      </c>
      <c r="M2172">
        <v>1</v>
      </c>
      <c r="N2172" t="s">
        <v>12</v>
      </c>
      <c r="O2172" s="1">
        <v>42700.957638888889</v>
      </c>
      <c r="P2172" s="1">
        <v>42701.018750000003</v>
      </c>
    </row>
    <row r="2173" spans="1:16" x14ac:dyDescent="0.4">
      <c r="A2173">
        <v>3214</v>
      </c>
      <c r="B2173">
        <v>145239</v>
      </c>
      <c r="C2173" s="1">
        <v>42700</v>
      </c>
      <c r="D2173">
        <v>92</v>
      </c>
      <c r="E2173">
        <v>73</v>
      </c>
      <c r="F2173" t="s">
        <v>120</v>
      </c>
      <c r="G2173">
        <v>3</v>
      </c>
      <c r="H2173">
        <v>480</v>
      </c>
      <c r="I2173">
        <v>1</v>
      </c>
      <c r="J2173">
        <v>0</v>
      </c>
      <c r="K2173">
        <v>641311</v>
      </c>
      <c r="L2173">
        <v>641312</v>
      </c>
      <c r="M2173">
        <v>1</v>
      </c>
      <c r="N2173" t="s">
        <v>12</v>
      </c>
      <c r="O2173" s="1">
        <v>42700.957638888889</v>
      </c>
      <c r="P2173" s="1">
        <v>42701.018750000003</v>
      </c>
    </row>
    <row r="2174" spans="1:16" x14ac:dyDescent="0.4">
      <c r="A2174">
        <v>3215</v>
      </c>
      <c r="B2174">
        <v>145239</v>
      </c>
      <c r="C2174" s="1">
        <v>42700</v>
      </c>
      <c r="D2174">
        <v>69</v>
      </c>
      <c r="E2174">
        <v>50</v>
      </c>
      <c r="F2174" t="s">
        <v>18</v>
      </c>
      <c r="G2174">
        <v>3</v>
      </c>
      <c r="H2174">
        <v>480</v>
      </c>
      <c r="I2174">
        <v>1</v>
      </c>
      <c r="J2174">
        <v>0</v>
      </c>
      <c r="K2174">
        <v>641313</v>
      </c>
      <c r="L2174">
        <v>641314</v>
      </c>
      <c r="M2174">
        <v>1</v>
      </c>
      <c r="N2174" t="s">
        <v>12</v>
      </c>
      <c r="O2174" s="1">
        <v>42700.98333333333</v>
      </c>
      <c r="P2174" s="1">
        <v>42701.019444444442</v>
      </c>
    </row>
    <row r="2175" spans="1:16" x14ac:dyDescent="0.4">
      <c r="A2175">
        <v>3216</v>
      </c>
      <c r="B2175">
        <v>145239</v>
      </c>
      <c r="C2175" s="1">
        <v>42700</v>
      </c>
      <c r="D2175">
        <v>73</v>
      </c>
      <c r="E2175">
        <v>54</v>
      </c>
      <c r="F2175" t="s">
        <v>36</v>
      </c>
      <c r="G2175">
        <v>3</v>
      </c>
      <c r="H2175">
        <v>400</v>
      </c>
      <c r="I2175">
        <v>1</v>
      </c>
      <c r="J2175">
        <v>0</v>
      </c>
      <c r="K2175">
        <v>641315</v>
      </c>
      <c r="L2175">
        <v>641316</v>
      </c>
      <c r="M2175">
        <v>1</v>
      </c>
      <c r="N2175" t="s">
        <v>12</v>
      </c>
      <c r="O2175" s="1">
        <v>42700.995833333334</v>
      </c>
      <c r="P2175" s="1">
        <v>42701.019444444442</v>
      </c>
    </row>
    <row r="2176" spans="1:16" x14ac:dyDescent="0.4">
      <c r="A2176">
        <v>3217</v>
      </c>
      <c r="B2176">
        <v>145239</v>
      </c>
      <c r="C2176" s="1">
        <v>42700</v>
      </c>
      <c r="D2176">
        <v>71</v>
      </c>
      <c r="E2176">
        <v>52</v>
      </c>
      <c r="F2176" t="s">
        <v>23</v>
      </c>
      <c r="G2176">
        <v>3</v>
      </c>
      <c r="H2176">
        <v>400</v>
      </c>
      <c r="I2176">
        <v>1</v>
      </c>
      <c r="J2176">
        <v>0</v>
      </c>
      <c r="K2176">
        <v>641317</v>
      </c>
      <c r="L2176">
        <v>641318</v>
      </c>
      <c r="M2176">
        <v>1</v>
      </c>
      <c r="N2176" t="s">
        <v>12</v>
      </c>
      <c r="O2176" s="1">
        <v>42701.018055555556</v>
      </c>
      <c r="P2176" s="1">
        <v>42701.019444444442</v>
      </c>
    </row>
    <row r="2177" spans="1:16" x14ac:dyDescent="0.4">
      <c r="A2177">
        <v>3218</v>
      </c>
      <c r="B2177">
        <v>145239</v>
      </c>
      <c r="C2177" s="1">
        <v>42700</v>
      </c>
      <c r="D2177">
        <v>75</v>
      </c>
      <c r="E2177">
        <v>56</v>
      </c>
      <c r="F2177" t="s">
        <v>49</v>
      </c>
      <c r="G2177">
        <v>3</v>
      </c>
      <c r="H2177">
        <v>400</v>
      </c>
      <c r="I2177">
        <v>1</v>
      </c>
      <c r="J2177">
        <v>0</v>
      </c>
      <c r="K2177">
        <v>641319</v>
      </c>
      <c r="L2177">
        <v>641320</v>
      </c>
      <c r="M2177">
        <v>1</v>
      </c>
      <c r="N2177" t="s">
        <v>12</v>
      </c>
      <c r="O2177" s="1">
        <v>42701.018055555556</v>
      </c>
      <c r="P2177" s="1">
        <v>42701.019444444442</v>
      </c>
    </row>
    <row r="2178" spans="1:16" x14ac:dyDescent="0.4">
      <c r="A2178">
        <v>3219</v>
      </c>
      <c r="B2178">
        <v>145239</v>
      </c>
      <c r="C2178" s="1">
        <v>42700</v>
      </c>
      <c r="D2178">
        <v>268</v>
      </c>
      <c r="E2178">
        <v>702</v>
      </c>
      <c r="F2178" t="s">
        <v>210</v>
      </c>
      <c r="G2178">
        <v>3</v>
      </c>
      <c r="H2178">
        <v>0</v>
      </c>
      <c r="I2178">
        <v>1</v>
      </c>
      <c r="J2178">
        <v>0</v>
      </c>
      <c r="K2178">
        <v>641321</v>
      </c>
      <c r="L2178">
        <v>641322</v>
      </c>
      <c r="M2178">
        <v>1</v>
      </c>
      <c r="N2178" t="s">
        <v>12</v>
      </c>
      <c r="O2178" s="1">
        <v>42700.957638888889</v>
      </c>
      <c r="P2178" s="1">
        <v>42701.019444444442</v>
      </c>
    </row>
    <row r="2179" spans="1:16" x14ac:dyDescent="0.4">
      <c r="A2179">
        <v>3220</v>
      </c>
      <c r="B2179">
        <v>145334</v>
      </c>
      <c r="C2179" s="1">
        <v>42702</v>
      </c>
      <c r="D2179">
        <v>157</v>
      </c>
      <c r="E2179">
        <v>113</v>
      </c>
      <c r="F2179" t="s">
        <v>59</v>
      </c>
      <c r="G2179">
        <v>13</v>
      </c>
      <c r="H2179">
        <v>550</v>
      </c>
      <c r="I2179">
        <v>1</v>
      </c>
      <c r="J2179">
        <v>0</v>
      </c>
      <c r="K2179">
        <v>641730</v>
      </c>
      <c r="L2179">
        <v>641731</v>
      </c>
      <c r="M2179">
        <v>95</v>
      </c>
      <c r="N2179" t="s">
        <v>3</v>
      </c>
      <c r="O2179" s="1">
        <v>42702.504166666666</v>
      </c>
      <c r="P2179" s="1">
        <v>42702.574305555558</v>
      </c>
    </row>
    <row r="2180" spans="1:16" x14ac:dyDescent="0.4">
      <c r="A2180">
        <v>3221</v>
      </c>
      <c r="B2180">
        <v>145441</v>
      </c>
      <c r="C2180" s="1">
        <v>42703</v>
      </c>
      <c r="D2180">
        <v>139</v>
      </c>
      <c r="E2180">
        <v>134</v>
      </c>
      <c r="F2180" t="s">
        <v>177</v>
      </c>
      <c r="G2180">
        <v>9</v>
      </c>
      <c r="H2180">
        <v>1380</v>
      </c>
      <c r="I2180">
        <v>2</v>
      </c>
      <c r="J2180">
        <v>0</v>
      </c>
      <c r="K2180">
        <v>642088</v>
      </c>
      <c r="L2180">
        <v>642089</v>
      </c>
      <c r="M2180">
        <v>107</v>
      </c>
      <c r="N2180" t="s">
        <v>30</v>
      </c>
      <c r="O2180" s="1">
        <v>42703.927777777775</v>
      </c>
      <c r="P2180" s="1">
        <v>42703.934027777781</v>
      </c>
    </row>
    <row r="2181" spans="1:16" x14ac:dyDescent="0.4">
      <c r="A2181">
        <v>3222</v>
      </c>
      <c r="B2181">
        <v>145441</v>
      </c>
      <c r="C2181" s="1">
        <v>42703</v>
      </c>
      <c r="D2181">
        <v>161</v>
      </c>
      <c r="E2181">
        <v>115</v>
      </c>
      <c r="F2181" t="s">
        <v>101</v>
      </c>
      <c r="G2181">
        <v>9</v>
      </c>
      <c r="H2181">
        <v>550</v>
      </c>
      <c r="I2181">
        <v>2</v>
      </c>
      <c r="J2181">
        <v>0</v>
      </c>
      <c r="K2181">
        <v>642090</v>
      </c>
      <c r="L2181">
        <v>642091</v>
      </c>
      <c r="M2181">
        <v>107</v>
      </c>
      <c r="N2181" t="s">
        <v>30</v>
      </c>
      <c r="O2181" s="1">
        <v>42703.927777777775</v>
      </c>
      <c r="P2181" s="1">
        <v>42703.934027777781</v>
      </c>
    </row>
    <row r="2182" spans="1:16" x14ac:dyDescent="0.4">
      <c r="A2182">
        <v>3223</v>
      </c>
      <c r="B2182">
        <v>145441</v>
      </c>
      <c r="C2182" s="1">
        <v>42703</v>
      </c>
      <c r="D2182">
        <v>280</v>
      </c>
      <c r="E2182">
        <v>1266</v>
      </c>
      <c r="F2182" t="s">
        <v>13</v>
      </c>
      <c r="G2182">
        <v>9</v>
      </c>
      <c r="H2182">
        <v>680</v>
      </c>
      <c r="I2182">
        <v>2</v>
      </c>
      <c r="J2182">
        <v>0</v>
      </c>
      <c r="K2182">
        <v>642092</v>
      </c>
      <c r="L2182">
        <v>642093</v>
      </c>
      <c r="M2182">
        <v>107</v>
      </c>
      <c r="N2182" t="s">
        <v>30</v>
      </c>
      <c r="O2182" s="1">
        <v>42703.927777777775</v>
      </c>
      <c r="P2182" s="1">
        <v>42703.93402777778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P51"/>
  <sheetViews>
    <sheetView topLeftCell="A19" workbookViewId="0">
      <selection activeCell="A36" sqref="A36:Q36"/>
    </sheetView>
  </sheetViews>
  <sheetFormatPr defaultRowHeight="18.75" x14ac:dyDescent="0.4"/>
  <sheetData>
    <row r="1" spans="1:6" x14ac:dyDescent="0.4">
      <c r="A1" t="s">
        <v>315</v>
      </c>
      <c r="B1" t="s">
        <v>316</v>
      </c>
      <c r="C1" t="s">
        <v>317</v>
      </c>
      <c r="D1" t="s">
        <v>318</v>
      </c>
      <c r="E1" t="s">
        <v>319</v>
      </c>
      <c r="F1" t="s">
        <v>320</v>
      </c>
    </row>
    <row r="2" spans="1:6" x14ac:dyDescent="0.4">
      <c r="A2">
        <v>1</v>
      </c>
      <c r="B2" s="2" t="s">
        <v>321</v>
      </c>
      <c r="C2">
        <v>12</v>
      </c>
      <c r="D2" s="2"/>
      <c r="F2" s="2"/>
    </row>
    <row r="3" spans="1:6" x14ac:dyDescent="0.4">
      <c r="A3">
        <v>2</v>
      </c>
      <c r="B3" s="2" t="s">
        <v>321</v>
      </c>
      <c r="C3">
        <v>12</v>
      </c>
      <c r="D3" s="2"/>
      <c r="F3" s="2"/>
    </row>
    <row r="4" spans="1:6" x14ac:dyDescent="0.4">
      <c r="A4">
        <v>3</v>
      </c>
      <c r="B4" s="2" t="s">
        <v>321</v>
      </c>
      <c r="C4">
        <v>24</v>
      </c>
      <c r="D4" s="2"/>
      <c r="F4" s="2"/>
    </row>
    <row r="5" spans="1:6" x14ac:dyDescent="0.4">
      <c r="A5">
        <v>4</v>
      </c>
      <c r="B5" s="2" t="s">
        <v>321</v>
      </c>
      <c r="C5">
        <v>12</v>
      </c>
      <c r="D5" s="2"/>
      <c r="F5" s="2"/>
    </row>
    <row r="6" spans="1:6" x14ac:dyDescent="0.4">
      <c r="A6">
        <v>5</v>
      </c>
      <c r="B6" s="2" t="s">
        <v>321</v>
      </c>
      <c r="C6">
        <v>15</v>
      </c>
      <c r="D6" s="2" t="s">
        <v>322</v>
      </c>
      <c r="F6" s="2"/>
    </row>
    <row r="7" spans="1:6" x14ac:dyDescent="0.4">
      <c r="A7">
        <v>6</v>
      </c>
      <c r="B7" s="2" t="s">
        <v>321</v>
      </c>
      <c r="C7">
        <v>30</v>
      </c>
      <c r="D7" s="2" t="s">
        <v>322</v>
      </c>
      <c r="F7" s="2"/>
    </row>
    <row r="8" spans="1:6" x14ac:dyDescent="0.4">
      <c r="A8">
        <v>7</v>
      </c>
      <c r="B8" s="2" t="s">
        <v>321</v>
      </c>
      <c r="C8">
        <v>12</v>
      </c>
      <c r="D8" s="2"/>
      <c r="F8" s="2"/>
    </row>
    <row r="9" spans="1:6" x14ac:dyDescent="0.4">
      <c r="A9">
        <v>8</v>
      </c>
      <c r="B9" s="2" t="s">
        <v>321</v>
      </c>
      <c r="C9">
        <v>12</v>
      </c>
      <c r="D9" s="2"/>
      <c r="F9" s="2"/>
    </row>
    <row r="10" spans="1:6" x14ac:dyDescent="0.4">
      <c r="A10">
        <v>9</v>
      </c>
      <c r="B10" s="2" t="s">
        <v>321</v>
      </c>
      <c r="C10">
        <v>12</v>
      </c>
      <c r="D10" s="2"/>
      <c r="F10" s="2"/>
    </row>
    <row r="11" spans="1:6" x14ac:dyDescent="0.4">
      <c r="A11">
        <v>10</v>
      </c>
      <c r="B11" s="2" t="s">
        <v>321</v>
      </c>
      <c r="C11">
        <v>12</v>
      </c>
      <c r="D11" s="2"/>
      <c r="F11" s="2"/>
    </row>
    <row r="12" spans="1:6" x14ac:dyDescent="0.4">
      <c r="A12">
        <v>11</v>
      </c>
      <c r="B12" s="2" t="s">
        <v>321</v>
      </c>
      <c r="C12">
        <v>12</v>
      </c>
      <c r="D12" s="2"/>
      <c r="F12" s="2"/>
    </row>
    <row r="13" spans="1:6" x14ac:dyDescent="0.4">
      <c r="A13">
        <v>12</v>
      </c>
      <c r="B13" s="2" t="s">
        <v>321</v>
      </c>
      <c r="C13">
        <v>12</v>
      </c>
      <c r="D13" s="2"/>
      <c r="F13" s="2"/>
    </row>
    <row r="14" spans="1:6" x14ac:dyDescent="0.4">
      <c r="A14">
        <v>13</v>
      </c>
      <c r="B14" s="2" t="s">
        <v>321</v>
      </c>
      <c r="C14">
        <v>12</v>
      </c>
      <c r="D14" s="2"/>
      <c r="F14" s="2"/>
    </row>
    <row r="15" spans="1:6" x14ac:dyDescent="0.4">
      <c r="A15">
        <v>14</v>
      </c>
      <c r="B15" s="2" t="s">
        <v>321</v>
      </c>
      <c r="C15">
        <v>31</v>
      </c>
      <c r="D15" s="2" t="s">
        <v>322</v>
      </c>
      <c r="F15" s="2"/>
    </row>
    <row r="16" spans="1:6" x14ac:dyDescent="0.4">
      <c r="A16">
        <v>15</v>
      </c>
      <c r="B16" s="2" t="s">
        <v>321</v>
      </c>
      <c r="C16">
        <v>24</v>
      </c>
      <c r="D16" s="2"/>
      <c r="F16" s="2"/>
    </row>
    <row r="17" spans="1:6" x14ac:dyDescent="0.4">
      <c r="A17">
        <v>16</v>
      </c>
      <c r="B17" s="2" t="s">
        <v>323</v>
      </c>
      <c r="C17">
        <v>24</v>
      </c>
      <c r="D17" s="2"/>
      <c r="F17" s="2"/>
    </row>
    <row r="18" spans="1:6" x14ac:dyDescent="0.4">
      <c r="B18" s="2"/>
      <c r="D18" s="2"/>
      <c r="E18">
        <v>1</v>
      </c>
      <c r="F18" s="2" t="s">
        <v>324</v>
      </c>
    </row>
    <row r="19" spans="1:6" x14ac:dyDescent="0.4">
      <c r="B19" s="2"/>
      <c r="D19" s="2"/>
      <c r="E19">
        <v>2</v>
      </c>
      <c r="F19" s="2" t="s">
        <v>325</v>
      </c>
    </row>
    <row r="20" spans="1:6" x14ac:dyDescent="0.4">
      <c r="B20" s="2"/>
      <c r="D20" s="2"/>
      <c r="E20">
        <v>3</v>
      </c>
      <c r="F20" s="2" t="s">
        <v>326</v>
      </c>
    </row>
    <row r="21" spans="1:6" x14ac:dyDescent="0.4">
      <c r="B21" s="2"/>
      <c r="D21" s="2"/>
      <c r="E21">
        <v>4</v>
      </c>
      <c r="F21" s="2" t="s">
        <v>327</v>
      </c>
    </row>
    <row r="22" spans="1:6" x14ac:dyDescent="0.4">
      <c r="B22" s="2"/>
      <c r="D22" s="2"/>
      <c r="E22">
        <v>5</v>
      </c>
      <c r="F22" s="2" t="s">
        <v>328</v>
      </c>
    </row>
    <row r="23" spans="1:6" x14ac:dyDescent="0.4">
      <c r="B23" s="2"/>
      <c r="D23" s="2"/>
      <c r="E23">
        <v>6</v>
      </c>
      <c r="F23" s="2" t="s">
        <v>329</v>
      </c>
    </row>
    <row r="24" spans="1:6" x14ac:dyDescent="0.4">
      <c r="B24" s="2"/>
      <c r="D24" s="2"/>
      <c r="E24">
        <v>7</v>
      </c>
      <c r="F24" s="2" t="s">
        <v>330</v>
      </c>
    </row>
    <row r="25" spans="1:6" x14ac:dyDescent="0.4">
      <c r="B25" s="2"/>
      <c r="D25" s="2"/>
      <c r="E25">
        <v>8</v>
      </c>
      <c r="F25" s="2" t="s">
        <v>331</v>
      </c>
    </row>
    <row r="26" spans="1:6" x14ac:dyDescent="0.4">
      <c r="B26" s="2"/>
      <c r="D26" s="2"/>
      <c r="E26">
        <v>9</v>
      </c>
      <c r="F26" s="2" t="s">
        <v>332</v>
      </c>
    </row>
    <row r="27" spans="1:6" x14ac:dyDescent="0.4">
      <c r="B27" s="2"/>
      <c r="D27" s="2"/>
      <c r="E27">
        <v>10</v>
      </c>
      <c r="F27" s="2" t="s">
        <v>333</v>
      </c>
    </row>
    <row r="28" spans="1:6" x14ac:dyDescent="0.4">
      <c r="B28" s="2"/>
      <c r="D28" s="2"/>
      <c r="E28">
        <v>11</v>
      </c>
      <c r="F28" s="2" t="s">
        <v>334</v>
      </c>
    </row>
    <row r="29" spans="1:6" x14ac:dyDescent="0.4">
      <c r="B29" s="2"/>
      <c r="D29" s="2"/>
      <c r="E29">
        <v>12</v>
      </c>
      <c r="F29" s="2" t="s">
        <v>335</v>
      </c>
    </row>
    <row r="30" spans="1:6" x14ac:dyDescent="0.4">
      <c r="B30" s="2"/>
      <c r="D30" s="2"/>
      <c r="E30">
        <v>13</v>
      </c>
      <c r="F30" s="2" t="s">
        <v>336</v>
      </c>
    </row>
    <row r="31" spans="1:6" x14ac:dyDescent="0.4">
      <c r="B31" s="2"/>
      <c r="D31" s="2"/>
      <c r="E31">
        <v>14</v>
      </c>
      <c r="F31" s="2" t="s">
        <v>337</v>
      </c>
    </row>
    <row r="32" spans="1:6" x14ac:dyDescent="0.4">
      <c r="B32" s="2"/>
      <c r="D32" s="2"/>
      <c r="E32">
        <v>15</v>
      </c>
      <c r="F32" s="2" t="s">
        <v>338</v>
      </c>
    </row>
    <row r="33" spans="1:16" x14ac:dyDescent="0.4">
      <c r="B33" s="2"/>
      <c r="D33" s="2"/>
      <c r="E33">
        <v>16</v>
      </c>
      <c r="F33" s="2" t="s">
        <v>339</v>
      </c>
    </row>
    <row r="36" spans="1:16" x14ac:dyDescent="0.4">
      <c r="A36" s="3" t="s">
        <v>324</v>
      </c>
      <c r="B36" s="4" t="s">
        <v>325</v>
      </c>
      <c r="C36" s="3" t="s">
        <v>326</v>
      </c>
      <c r="D36" s="4" t="s">
        <v>327</v>
      </c>
      <c r="E36" s="3" t="s">
        <v>328</v>
      </c>
      <c r="F36" s="4" t="s">
        <v>329</v>
      </c>
      <c r="G36" s="3" t="s">
        <v>330</v>
      </c>
      <c r="H36" s="4" t="s">
        <v>331</v>
      </c>
      <c r="I36" s="3" t="s">
        <v>332</v>
      </c>
      <c r="J36" s="4" t="s">
        <v>333</v>
      </c>
      <c r="K36" s="3" t="s">
        <v>334</v>
      </c>
      <c r="L36" s="4" t="s">
        <v>335</v>
      </c>
      <c r="M36" s="3" t="s">
        <v>336</v>
      </c>
      <c r="N36" s="4" t="s">
        <v>337</v>
      </c>
      <c r="O36" s="3" t="s">
        <v>338</v>
      </c>
      <c r="P36" s="4" t="s">
        <v>339</v>
      </c>
    </row>
    <row r="37" spans="1:16" x14ac:dyDescent="0.4">
      <c r="A37" s="3" t="s">
        <v>324</v>
      </c>
      <c r="B37" s="4" t="s">
        <v>325</v>
      </c>
      <c r="C37" s="3" t="s">
        <v>326</v>
      </c>
      <c r="D37" s="4" t="s">
        <v>327</v>
      </c>
      <c r="E37" s="3" t="s">
        <v>328</v>
      </c>
      <c r="F37" s="4" t="s">
        <v>329</v>
      </c>
      <c r="G37" s="3" t="s">
        <v>330</v>
      </c>
      <c r="H37" s="4" t="s">
        <v>331</v>
      </c>
      <c r="I37" s="3" t="s">
        <v>332</v>
      </c>
      <c r="J37" s="4" t="s">
        <v>333</v>
      </c>
      <c r="K37" s="3" t="s">
        <v>334</v>
      </c>
      <c r="L37" s="4" t="s">
        <v>335</v>
      </c>
      <c r="M37" s="3" t="s">
        <v>336</v>
      </c>
      <c r="N37" s="4" t="s">
        <v>337</v>
      </c>
      <c r="O37" s="3" t="s">
        <v>338</v>
      </c>
      <c r="P37" s="4" t="s">
        <v>339</v>
      </c>
    </row>
    <row r="38" spans="1:16" x14ac:dyDescent="0.4">
      <c r="A38" s="3" t="s">
        <v>324</v>
      </c>
      <c r="B38" s="4" t="s">
        <v>325</v>
      </c>
      <c r="C38" s="3" t="s">
        <v>326</v>
      </c>
      <c r="D38" s="4" t="s">
        <v>327</v>
      </c>
      <c r="E38" s="3" t="s">
        <v>328</v>
      </c>
      <c r="F38" s="4" t="s">
        <v>329</v>
      </c>
      <c r="G38" s="3" t="s">
        <v>330</v>
      </c>
      <c r="H38" s="4" t="s">
        <v>331</v>
      </c>
      <c r="I38" s="3" t="s">
        <v>332</v>
      </c>
      <c r="J38" s="4" t="s">
        <v>333</v>
      </c>
      <c r="K38" s="3" t="s">
        <v>334</v>
      </c>
      <c r="L38" s="4" t="s">
        <v>335</v>
      </c>
      <c r="M38" s="3" t="s">
        <v>336</v>
      </c>
      <c r="N38" s="4" t="s">
        <v>337</v>
      </c>
      <c r="O38" s="3" t="s">
        <v>338</v>
      </c>
      <c r="P38" s="4" t="s">
        <v>339</v>
      </c>
    </row>
    <row r="39" spans="1:16" x14ac:dyDescent="0.4">
      <c r="A39" s="3" t="s">
        <v>324</v>
      </c>
      <c r="B39" s="4" t="s">
        <v>325</v>
      </c>
      <c r="C39" s="3" t="s">
        <v>326</v>
      </c>
      <c r="D39" s="4" t="s">
        <v>327</v>
      </c>
      <c r="E39" s="3" t="s">
        <v>328</v>
      </c>
      <c r="F39" s="4" t="s">
        <v>329</v>
      </c>
      <c r="G39" s="3" t="s">
        <v>330</v>
      </c>
      <c r="H39" s="4" t="s">
        <v>331</v>
      </c>
      <c r="I39" s="3" t="s">
        <v>332</v>
      </c>
      <c r="J39" s="4" t="s">
        <v>333</v>
      </c>
      <c r="K39" s="3" t="s">
        <v>334</v>
      </c>
      <c r="L39" s="4" t="s">
        <v>335</v>
      </c>
      <c r="M39" s="3" t="s">
        <v>336</v>
      </c>
      <c r="N39" s="4" t="s">
        <v>337</v>
      </c>
      <c r="O39" s="3" t="s">
        <v>338</v>
      </c>
      <c r="P39" s="4" t="s">
        <v>339</v>
      </c>
    </row>
    <row r="40" spans="1:16" x14ac:dyDescent="0.4">
      <c r="A40" s="3" t="s">
        <v>324</v>
      </c>
      <c r="B40" s="4" t="s">
        <v>325</v>
      </c>
      <c r="C40" s="3" t="s">
        <v>326</v>
      </c>
      <c r="D40" s="4" t="s">
        <v>327</v>
      </c>
      <c r="E40" s="3" t="s">
        <v>328</v>
      </c>
      <c r="F40" s="4" t="s">
        <v>329</v>
      </c>
      <c r="G40" s="3" t="s">
        <v>330</v>
      </c>
      <c r="H40" s="4" t="s">
        <v>331</v>
      </c>
      <c r="I40" s="3" t="s">
        <v>332</v>
      </c>
      <c r="J40" s="4" t="s">
        <v>333</v>
      </c>
      <c r="K40" s="3" t="s">
        <v>334</v>
      </c>
      <c r="L40" s="4" t="s">
        <v>335</v>
      </c>
      <c r="M40" s="3" t="s">
        <v>336</v>
      </c>
      <c r="N40" s="4" t="s">
        <v>337</v>
      </c>
      <c r="O40" s="3" t="s">
        <v>338</v>
      </c>
      <c r="P40" s="4" t="s">
        <v>339</v>
      </c>
    </row>
    <row r="41" spans="1:16" x14ac:dyDescent="0.4">
      <c r="A41" s="3" t="s">
        <v>324</v>
      </c>
      <c r="B41" s="4" t="s">
        <v>325</v>
      </c>
      <c r="C41" s="3" t="s">
        <v>326</v>
      </c>
      <c r="D41" s="4" t="s">
        <v>327</v>
      </c>
      <c r="E41" s="3" t="s">
        <v>328</v>
      </c>
      <c r="F41" s="4" t="s">
        <v>329</v>
      </c>
      <c r="G41" s="3" t="s">
        <v>330</v>
      </c>
      <c r="H41" s="4" t="s">
        <v>331</v>
      </c>
      <c r="I41" s="3" t="s">
        <v>332</v>
      </c>
      <c r="J41" s="4" t="s">
        <v>333</v>
      </c>
      <c r="K41" s="3" t="s">
        <v>334</v>
      </c>
      <c r="L41" s="4" t="s">
        <v>335</v>
      </c>
      <c r="M41" s="3" t="s">
        <v>336</v>
      </c>
      <c r="N41" s="4" t="s">
        <v>337</v>
      </c>
      <c r="O41" s="3" t="s">
        <v>338</v>
      </c>
      <c r="P41" s="4" t="s">
        <v>339</v>
      </c>
    </row>
    <row r="42" spans="1:16" x14ac:dyDescent="0.4">
      <c r="A42" s="3" t="s">
        <v>324</v>
      </c>
      <c r="B42" s="4" t="s">
        <v>325</v>
      </c>
      <c r="C42" s="3" t="s">
        <v>326</v>
      </c>
      <c r="D42" s="4" t="s">
        <v>327</v>
      </c>
      <c r="E42" s="3" t="s">
        <v>328</v>
      </c>
      <c r="F42" s="4" t="s">
        <v>329</v>
      </c>
      <c r="G42" s="3" t="s">
        <v>330</v>
      </c>
      <c r="H42" s="4" t="s">
        <v>331</v>
      </c>
      <c r="I42" s="3" t="s">
        <v>332</v>
      </c>
      <c r="J42" s="4" t="s">
        <v>333</v>
      </c>
      <c r="K42" s="3" t="s">
        <v>334</v>
      </c>
      <c r="L42" s="4" t="s">
        <v>335</v>
      </c>
      <c r="M42" s="3" t="s">
        <v>336</v>
      </c>
      <c r="N42" s="4" t="s">
        <v>337</v>
      </c>
      <c r="O42" s="3" t="s">
        <v>338</v>
      </c>
      <c r="P42" s="4" t="s">
        <v>339</v>
      </c>
    </row>
    <row r="43" spans="1:16" x14ac:dyDescent="0.4">
      <c r="A43" s="3" t="s">
        <v>324</v>
      </c>
      <c r="B43" s="4" t="s">
        <v>325</v>
      </c>
      <c r="C43" s="3" t="s">
        <v>326</v>
      </c>
      <c r="D43" s="4" t="s">
        <v>327</v>
      </c>
      <c r="E43" s="3" t="s">
        <v>328</v>
      </c>
      <c r="F43" s="4" t="s">
        <v>329</v>
      </c>
      <c r="G43" s="3" t="s">
        <v>330</v>
      </c>
      <c r="H43" s="4" t="s">
        <v>331</v>
      </c>
      <c r="I43" s="3" t="s">
        <v>332</v>
      </c>
      <c r="J43" s="4" t="s">
        <v>333</v>
      </c>
      <c r="K43" s="3" t="s">
        <v>334</v>
      </c>
      <c r="L43" s="4" t="s">
        <v>335</v>
      </c>
      <c r="M43" s="3" t="s">
        <v>336</v>
      </c>
      <c r="N43" s="4" t="s">
        <v>337</v>
      </c>
      <c r="O43" s="3" t="s">
        <v>338</v>
      </c>
      <c r="P43" s="4" t="s">
        <v>339</v>
      </c>
    </row>
    <row r="44" spans="1:16" x14ac:dyDescent="0.4">
      <c r="A44" s="3" t="s">
        <v>324</v>
      </c>
      <c r="B44" s="4" t="s">
        <v>325</v>
      </c>
      <c r="C44" s="3" t="s">
        <v>326</v>
      </c>
      <c r="D44" s="4" t="s">
        <v>327</v>
      </c>
      <c r="E44" s="3" t="s">
        <v>328</v>
      </c>
      <c r="F44" s="4" t="s">
        <v>329</v>
      </c>
      <c r="G44" s="3" t="s">
        <v>330</v>
      </c>
      <c r="H44" s="4" t="s">
        <v>331</v>
      </c>
      <c r="I44" s="3" t="s">
        <v>332</v>
      </c>
      <c r="J44" s="4" t="s">
        <v>333</v>
      </c>
      <c r="K44" s="3" t="s">
        <v>334</v>
      </c>
      <c r="L44" s="4" t="s">
        <v>335</v>
      </c>
      <c r="M44" s="3" t="s">
        <v>336</v>
      </c>
      <c r="N44" s="4" t="s">
        <v>337</v>
      </c>
      <c r="O44" s="3" t="s">
        <v>338</v>
      </c>
      <c r="P44" s="4" t="s">
        <v>339</v>
      </c>
    </row>
    <row r="45" spans="1:16" x14ac:dyDescent="0.4">
      <c r="A45" s="3" t="s">
        <v>324</v>
      </c>
      <c r="B45" s="4" t="s">
        <v>325</v>
      </c>
      <c r="C45" s="3" t="s">
        <v>326</v>
      </c>
      <c r="D45" s="4" t="s">
        <v>327</v>
      </c>
      <c r="E45" s="3" t="s">
        <v>328</v>
      </c>
      <c r="F45" s="4" t="s">
        <v>329</v>
      </c>
      <c r="G45" s="3" t="s">
        <v>330</v>
      </c>
      <c r="H45" s="4" t="s">
        <v>331</v>
      </c>
      <c r="I45" s="3" t="s">
        <v>332</v>
      </c>
      <c r="J45" s="4" t="s">
        <v>333</v>
      </c>
      <c r="K45" s="3" t="s">
        <v>334</v>
      </c>
      <c r="L45" s="4" t="s">
        <v>335</v>
      </c>
      <c r="M45" s="3" t="s">
        <v>336</v>
      </c>
      <c r="N45" s="4" t="s">
        <v>337</v>
      </c>
      <c r="O45" s="3" t="s">
        <v>338</v>
      </c>
      <c r="P45" s="4" t="s">
        <v>339</v>
      </c>
    </row>
    <row r="46" spans="1:16" x14ac:dyDescent="0.4">
      <c r="A46" s="3" t="s">
        <v>324</v>
      </c>
      <c r="B46" s="4" t="s">
        <v>325</v>
      </c>
      <c r="C46" s="3" t="s">
        <v>326</v>
      </c>
      <c r="D46" s="4" t="s">
        <v>327</v>
      </c>
      <c r="E46" s="3" t="s">
        <v>328</v>
      </c>
      <c r="F46" s="4" t="s">
        <v>329</v>
      </c>
      <c r="G46" s="3" t="s">
        <v>330</v>
      </c>
      <c r="H46" s="4" t="s">
        <v>331</v>
      </c>
      <c r="I46" s="3" t="s">
        <v>332</v>
      </c>
      <c r="J46" s="4" t="s">
        <v>333</v>
      </c>
      <c r="K46" s="3" t="s">
        <v>334</v>
      </c>
      <c r="L46" s="4" t="s">
        <v>335</v>
      </c>
      <c r="M46" s="3" t="s">
        <v>336</v>
      </c>
      <c r="N46" s="4" t="s">
        <v>337</v>
      </c>
      <c r="O46" s="3" t="s">
        <v>338</v>
      </c>
      <c r="P46" s="4" t="s">
        <v>339</v>
      </c>
    </row>
    <row r="47" spans="1:16" x14ac:dyDescent="0.4">
      <c r="A47" s="3" t="s">
        <v>324</v>
      </c>
      <c r="B47" s="4" t="s">
        <v>325</v>
      </c>
      <c r="C47" s="3" t="s">
        <v>326</v>
      </c>
      <c r="D47" s="4" t="s">
        <v>327</v>
      </c>
      <c r="E47" s="3" t="s">
        <v>328</v>
      </c>
      <c r="F47" s="4" t="s">
        <v>329</v>
      </c>
      <c r="G47" s="3" t="s">
        <v>330</v>
      </c>
      <c r="H47" s="4" t="s">
        <v>331</v>
      </c>
      <c r="I47" s="3" t="s">
        <v>332</v>
      </c>
      <c r="J47" s="4" t="s">
        <v>333</v>
      </c>
      <c r="K47" s="3" t="s">
        <v>334</v>
      </c>
      <c r="L47" s="4" t="s">
        <v>335</v>
      </c>
      <c r="M47" s="3" t="s">
        <v>336</v>
      </c>
      <c r="N47" s="4" t="s">
        <v>337</v>
      </c>
      <c r="O47" s="3" t="s">
        <v>338</v>
      </c>
      <c r="P47" s="4" t="s">
        <v>339</v>
      </c>
    </row>
    <row r="48" spans="1:16" x14ac:dyDescent="0.4">
      <c r="A48" s="3" t="s">
        <v>324</v>
      </c>
      <c r="B48" s="4" t="s">
        <v>325</v>
      </c>
      <c r="C48" s="3" t="s">
        <v>326</v>
      </c>
      <c r="D48" s="4" t="s">
        <v>327</v>
      </c>
      <c r="E48" s="3" t="s">
        <v>328</v>
      </c>
      <c r="F48" s="4" t="s">
        <v>329</v>
      </c>
      <c r="G48" s="3" t="s">
        <v>330</v>
      </c>
      <c r="H48" s="4" t="s">
        <v>331</v>
      </c>
      <c r="I48" s="3" t="s">
        <v>332</v>
      </c>
      <c r="J48" s="4" t="s">
        <v>333</v>
      </c>
      <c r="K48" s="3" t="s">
        <v>334</v>
      </c>
      <c r="L48" s="4" t="s">
        <v>335</v>
      </c>
      <c r="M48" s="3" t="s">
        <v>336</v>
      </c>
      <c r="N48" s="4" t="s">
        <v>337</v>
      </c>
      <c r="O48" s="3" t="s">
        <v>338</v>
      </c>
      <c r="P48" s="4" t="s">
        <v>339</v>
      </c>
    </row>
    <row r="49" spans="1:16" x14ac:dyDescent="0.4">
      <c r="A49" s="3" t="s">
        <v>324</v>
      </c>
      <c r="B49" s="4" t="s">
        <v>325</v>
      </c>
      <c r="C49" s="3" t="s">
        <v>326</v>
      </c>
      <c r="D49" s="4" t="s">
        <v>327</v>
      </c>
      <c r="E49" s="3" t="s">
        <v>328</v>
      </c>
      <c r="F49" s="4" t="s">
        <v>329</v>
      </c>
      <c r="G49" s="3" t="s">
        <v>330</v>
      </c>
      <c r="H49" s="4" t="s">
        <v>331</v>
      </c>
      <c r="I49" s="3" t="s">
        <v>332</v>
      </c>
      <c r="J49" s="4" t="s">
        <v>333</v>
      </c>
      <c r="K49" s="3" t="s">
        <v>334</v>
      </c>
      <c r="L49" s="4" t="s">
        <v>335</v>
      </c>
      <c r="M49" s="3" t="s">
        <v>336</v>
      </c>
      <c r="N49" s="4" t="s">
        <v>337</v>
      </c>
      <c r="O49" s="3" t="s">
        <v>338</v>
      </c>
      <c r="P49" s="4" t="s">
        <v>339</v>
      </c>
    </row>
    <row r="50" spans="1:16" x14ac:dyDescent="0.4">
      <c r="A50" s="3" t="s">
        <v>324</v>
      </c>
      <c r="B50" s="4" t="s">
        <v>325</v>
      </c>
      <c r="C50" s="3" t="s">
        <v>326</v>
      </c>
      <c r="D50" s="4" t="s">
        <v>327</v>
      </c>
      <c r="E50" s="3" t="s">
        <v>328</v>
      </c>
      <c r="F50" s="4" t="s">
        <v>329</v>
      </c>
      <c r="G50" s="3" t="s">
        <v>330</v>
      </c>
      <c r="H50" s="4" t="s">
        <v>331</v>
      </c>
      <c r="I50" s="3" t="s">
        <v>332</v>
      </c>
      <c r="J50" s="4" t="s">
        <v>333</v>
      </c>
      <c r="K50" s="3" t="s">
        <v>334</v>
      </c>
      <c r="L50" s="4" t="s">
        <v>335</v>
      </c>
      <c r="M50" s="3" t="s">
        <v>336</v>
      </c>
      <c r="N50" s="4" t="s">
        <v>337</v>
      </c>
      <c r="O50" s="3" t="s">
        <v>338</v>
      </c>
      <c r="P50" s="4" t="s">
        <v>339</v>
      </c>
    </row>
    <row r="51" spans="1:16" x14ac:dyDescent="0.4">
      <c r="A51" s="3" t="s">
        <v>324</v>
      </c>
      <c r="B51" s="4" t="s">
        <v>325</v>
      </c>
      <c r="C51" s="3" t="s">
        <v>326</v>
      </c>
      <c r="D51" s="4" t="s">
        <v>327</v>
      </c>
      <c r="E51" s="3" t="s">
        <v>328</v>
      </c>
      <c r="F51" s="4" t="s">
        <v>329</v>
      </c>
      <c r="G51" s="3" t="s">
        <v>330</v>
      </c>
      <c r="H51" s="4" t="s">
        <v>331</v>
      </c>
      <c r="I51" s="3" t="s">
        <v>332</v>
      </c>
      <c r="J51" s="4" t="s">
        <v>333</v>
      </c>
      <c r="K51" s="3" t="s">
        <v>334</v>
      </c>
      <c r="L51" s="4" t="s">
        <v>335</v>
      </c>
      <c r="M51" s="3" t="s">
        <v>336</v>
      </c>
      <c r="N51" s="4" t="s">
        <v>337</v>
      </c>
      <c r="O51" s="3" t="s">
        <v>338</v>
      </c>
      <c r="P51" s="4" t="s">
        <v>339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alesCorrec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30:17Z</dcterms:created>
  <dcterms:modified xsi:type="dcterms:W3CDTF">2024-02-26T05:10:27Z</dcterms:modified>
</cp:coreProperties>
</file>